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5"/>
  </p:sldMasterIdLst>
  <p:notesMasterIdLst>
    <p:notesMasterId r:id="rId21"/>
  </p:notesMasterIdLst>
  <p:handoutMasterIdLst>
    <p:handoutMasterId r:id="rId22"/>
  </p:handoutMasterIdLst>
  <p:sldIdLst>
    <p:sldId id="265" r:id="rId6"/>
    <p:sldId id="2147376378" r:id="rId7"/>
    <p:sldId id="307" r:id="rId8"/>
    <p:sldId id="267" r:id="rId9"/>
    <p:sldId id="315" r:id="rId10"/>
    <p:sldId id="316" r:id="rId11"/>
    <p:sldId id="271" r:id="rId12"/>
    <p:sldId id="285" r:id="rId13"/>
    <p:sldId id="272" r:id="rId14"/>
    <p:sldId id="289" r:id="rId15"/>
    <p:sldId id="273" r:id="rId16"/>
    <p:sldId id="293" r:id="rId17"/>
    <p:sldId id="314" r:id="rId18"/>
    <p:sldId id="275" r:id="rId19"/>
    <p:sldId id="309" r:id="rId20"/>
  </p:sldIdLst>
  <p:sldSz cx="12192000" cy="6858000"/>
  <p:notesSz cx="6858000" cy="9144000"/>
  <p:embeddedFontLst>
    <p:embeddedFont>
      <p:font typeface="If Sans" panose="00000500000000000000" pitchFamily="2" charset="0"/>
      <p:regular r:id="rId23"/>
      <p:bold r:id="rId24"/>
      <p:italic r:id="rId25"/>
      <p:boldItalic r:id="rId26"/>
    </p:embeddedFont>
    <p:embeddedFont>
      <p:font typeface="If Sans Light" panose="00000400000000000000" pitchFamily="2" charset="0"/>
      <p:regular r:id="rId27"/>
      <p:italic r:id="rId28"/>
    </p:embeddedFont>
    <p:embeddedFont>
      <p:font typeface="If Sans Medium" panose="00000600000000000000" pitchFamily="2" charset="0"/>
      <p:regular r:id="rId29"/>
      <p:italic r:id="rId30"/>
    </p:embeddedFont>
    <p:embeddedFont>
      <p:font typeface="If Sans Thin" panose="00000300000000000000" pitchFamily="2" charset="0"/>
      <p:regular r:id="rId31"/>
      <p:italic r:id="rId32"/>
    </p:embeddedFont>
    <p:embeddedFont>
      <p:font typeface="Open Sans For If" panose="020B0606030504020204" pitchFamily="34" charset="0"/>
      <p:regular r:id="rId33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A970408-C4D6-4AC6-9338-18BA4C20274A}" v="2" dt="2024-10-30T08:53:37.16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4" d="100"/>
          <a:sy n="104" d="100"/>
        </p:scale>
        <p:origin x="126" y="5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font" Target="fonts/font4.fntdata"/><Relationship Id="rId39" Type="http://schemas.microsoft.com/office/2015/10/relationships/revisionInfo" Target="revisionInfo.xml"/><Relationship Id="rId21" Type="http://schemas.openxmlformats.org/officeDocument/2006/relationships/notesMaster" Target="notesMasters/notesMaster1.xml"/><Relationship Id="rId34" Type="http://schemas.openxmlformats.org/officeDocument/2006/relationships/presProps" Target="pres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font" Target="fonts/font3.fntdata"/><Relationship Id="rId33" Type="http://schemas.openxmlformats.org/officeDocument/2006/relationships/font" Target="fonts/font11.fntdata"/><Relationship Id="rId38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font" Target="fonts/font7.fntdata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openxmlformats.org/officeDocument/2006/relationships/tableStyles" Target="tableStyles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font" Target="fonts/font9.fntdata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handoutMaster" Target="handoutMasters/handout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viewProps" Target="viewProps.xml"/><Relationship Id="rId8" Type="http://schemas.openxmlformats.org/officeDocument/2006/relationships/slide" Target="slides/slide3.xml"/><Relationship Id="rId3" Type="http://schemas.openxmlformats.org/officeDocument/2006/relationships/customXml" Target="../customXml/item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ørstad, Mads" userId="S::mads.dorstad@if.no::ecb34f62-0105-46b0-b11e-8f8336552029" providerId="AD" clId="Web-{B5335243-B8A1-263F-156F-2307DD5F61CE}"/>
    <pc:docChg chg="modSld">
      <pc:chgData name="Dørstad, Mads" userId="S::mads.dorstad@if.no::ecb34f62-0105-46b0-b11e-8f8336552029" providerId="AD" clId="Web-{B5335243-B8A1-263F-156F-2307DD5F61CE}" dt="2024-05-03T07:40:52.838" v="79"/>
      <pc:docMkLst>
        <pc:docMk/>
      </pc:docMkLst>
      <pc:sldChg chg="modSp">
        <pc:chgData name="Dørstad, Mads" userId="S::mads.dorstad@if.no::ecb34f62-0105-46b0-b11e-8f8336552029" providerId="AD" clId="Web-{B5335243-B8A1-263F-156F-2307DD5F61CE}" dt="2024-05-03T07:40:52.838" v="79"/>
        <pc:sldMkLst>
          <pc:docMk/>
          <pc:sldMk cId="3076349678" sldId="289"/>
        </pc:sldMkLst>
        <pc:graphicFrameChg chg="mod modGraphic">
          <ac:chgData name="Dørstad, Mads" userId="S::mads.dorstad@if.no::ecb34f62-0105-46b0-b11e-8f8336552029" providerId="AD" clId="Web-{B5335243-B8A1-263F-156F-2307DD5F61CE}" dt="2024-05-03T07:40:52.838" v="79"/>
          <ac:graphicFrameMkLst>
            <pc:docMk/>
            <pc:sldMk cId="3076349678" sldId="289"/>
            <ac:graphicFrameMk id="2" creationId="{618363D7-5EDB-44C7-80E0-84CF75A84D29}"/>
          </ac:graphicFrameMkLst>
        </pc:graphicFrameChg>
      </pc:sldChg>
    </pc:docChg>
  </pc:docChgLst>
  <pc:docChgLst>
    <pc:chgData name="Kantoluoto, Jarkko" userId="c329763a-75e3-423f-9fb8-ee68ee5725a6" providerId="ADAL" clId="{DF0C7A10-AB3F-4A82-8261-A502F47E3021}"/>
    <pc:docChg chg="undo custSel modSld">
      <pc:chgData name="Kantoluoto, Jarkko" userId="c329763a-75e3-423f-9fb8-ee68ee5725a6" providerId="ADAL" clId="{DF0C7A10-AB3F-4A82-8261-A502F47E3021}" dt="2024-04-19T08:31:13.938" v="345" actId="20577"/>
      <pc:docMkLst>
        <pc:docMk/>
      </pc:docMkLst>
      <pc:sldChg chg="addSp delSp modSp mod">
        <pc:chgData name="Kantoluoto, Jarkko" userId="c329763a-75e3-423f-9fb8-ee68ee5725a6" providerId="ADAL" clId="{DF0C7A10-AB3F-4A82-8261-A502F47E3021}" dt="2024-04-19T08:31:13.938" v="345" actId="20577"/>
        <pc:sldMkLst>
          <pc:docMk/>
          <pc:sldMk cId="3213808861" sldId="295"/>
        </pc:sldMkLst>
        <pc:spChg chg="add del mod">
          <ac:chgData name="Kantoluoto, Jarkko" userId="c329763a-75e3-423f-9fb8-ee68ee5725a6" providerId="ADAL" clId="{DF0C7A10-AB3F-4A82-8261-A502F47E3021}" dt="2024-04-19T07:53:16.287" v="1" actId="478"/>
          <ac:spMkLst>
            <pc:docMk/>
            <pc:sldMk cId="3213808861" sldId="295"/>
            <ac:spMk id="5" creationId="{94F9CE79-525E-AD7A-42B0-6F9BE76B9066}"/>
          </ac:spMkLst>
        </pc:spChg>
        <pc:graphicFrameChg chg="add del mod modGraphic">
          <ac:chgData name="Kantoluoto, Jarkko" userId="c329763a-75e3-423f-9fb8-ee68ee5725a6" providerId="ADAL" clId="{DF0C7A10-AB3F-4A82-8261-A502F47E3021}" dt="2024-04-19T08:31:13.938" v="345" actId="20577"/>
          <ac:graphicFrameMkLst>
            <pc:docMk/>
            <pc:sldMk cId="3213808861" sldId="295"/>
            <ac:graphicFrameMk id="2" creationId="{618363D7-5EDB-44C7-80E0-84CF75A84D29}"/>
          </ac:graphicFrameMkLst>
        </pc:graphicFrameChg>
      </pc:sldChg>
    </pc:docChg>
  </pc:docChgLst>
  <pc:docChgLst>
    <pc:chgData name="Tønjum, Anders" userId="afd5f589-9258-405a-a215-cc38711f5cd3" providerId="ADAL" clId="{B0364F28-A6CF-464C-9AA9-B3E8C95533A2}"/>
    <pc:docChg chg="custSel modSld">
      <pc:chgData name="Tønjum, Anders" userId="afd5f589-9258-405a-a215-cc38711f5cd3" providerId="ADAL" clId="{B0364F28-A6CF-464C-9AA9-B3E8C95533A2}" dt="2024-04-12T11:41:55.612" v="771"/>
      <pc:docMkLst>
        <pc:docMk/>
      </pc:docMkLst>
      <pc:sldChg chg="modSp mod">
        <pc:chgData name="Tønjum, Anders" userId="afd5f589-9258-405a-a215-cc38711f5cd3" providerId="ADAL" clId="{B0364F28-A6CF-464C-9AA9-B3E8C95533A2}" dt="2024-04-12T11:41:55.612" v="771"/>
        <pc:sldMkLst>
          <pc:docMk/>
          <pc:sldMk cId="3061304362" sldId="297"/>
        </pc:sldMkLst>
        <pc:graphicFrameChg chg="mod modGraphic">
          <ac:chgData name="Tønjum, Anders" userId="afd5f589-9258-405a-a215-cc38711f5cd3" providerId="ADAL" clId="{B0364F28-A6CF-464C-9AA9-B3E8C95533A2}" dt="2024-04-12T11:41:55.612" v="771"/>
          <ac:graphicFrameMkLst>
            <pc:docMk/>
            <pc:sldMk cId="3061304362" sldId="297"/>
            <ac:graphicFrameMk id="2" creationId="{618363D7-5EDB-44C7-80E0-84CF75A84D29}"/>
          </ac:graphicFrameMkLst>
        </pc:graphicFrameChg>
      </pc:sldChg>
    </pc:docChg>
  </pc:docChgLst>
  <pc:docChgLst>
    <pc:chgData name="Austad, Marius" userId="932f1796-af26-4a78-843c-26dccacdf6f1" providerId="ADAL" clId="{17324560-DE0B-4350-B7A5-B5C386FFED7A}"/>
    <pc:docChg chg="custSel modSld">
      <pc:chgData name="Austad, Marius" userId="932f1796-af26-4a78-843c-26dccacdf6f1" providerId="ADAL" clId="{17324560-DE0B-4350-B7A5-B5C386FFED7A}" dt="2024-04-22T08:39:50.540" v="584" actId="6549"/>
      <pc:docMkLst>
        <pc:docMk/>
      </pc:docMkLst>
      <pc:sldChg chg="modSp mod">
        <pc:chgData name="Austad, Marius" userId="932f1796-af26-4a78-843c-26dccacdf6f1" providerId="ADAL" clId="{17324560-DE0B-4350-B7A5-B5C386FFED7A}" dt="2024-04-22T08:39:50.540" v="584" actId="6549"/>
        <pc:sldMkLst>
          <pc:docMk/>
          <pc:sldMk cId="2694281893" sldId="285"/>
        </pc:sldMkLst>
        <pc:graphicFrameChg chg="mod modGraphic">
          <ac:chgData name="Austad, Marius" userId="932f1796-af26-4a78-843c-26dccacdf6f1" providerId="ADAL" clId="{17324560-DE0B-4350-B7A5-B5C386FFED7A}" dt="2024-04-22T08:39:50.540" v="584" actId="6549"/>
          <ac:graphicFrameMkLst>
            <pc:docMk/>
            <pc:sldMk cId="2694281893" sldId="285"/>
            <ac:graphicFrameMk id="2" creationId="{618363D7-5EDB-44C7-80E0-84CF75A84D29}"/>
          </ac:graphicFrameMkLst>
        </pc:graphicFrameChg>
      </pc:sldChg>
    </pc:docChg>
  </pc:docChgLst>
  <pc:docChgLst>
    <pc:chgData name="Batyuk, Pavlo" userId="7e313b7a-4a78-4d12-92d9-c88f57dd5850" providerId="ADAL" clId="{8246BE15-08C3-47CD-A81A-E653F5A621B9}"/>
    <pc:docChg chg="modSld">
      <pc:chgData name="Batyuk, Pavlo" userId="7e313b7a-4a78-4d12-92d9-c88f57dd5850" providerId="ADAL" clId="{8246BE15-08C3-47CD-A81A-E653F5A621B9}" dt="2024-04-30T11:37:14.343" v="57" actId="20577"/>
      <pc:docMkLst>
        <pc:docMk/>
      </pc:docMkLst>
      <pc:sldChg chg="modSp mod">
        <pc:chgData name="Batyuk, Pavlo" userId="7e313b7a-4a78-4d12-92d9-c88f57dd5850" providerId="ADAL" clId="{8246BE15-08C3-47CD-A81A-E653F5A621B9}" dt="2024-04-30T11:37:14.343" v="57" actId="20577"/>
        <pc:sldMkLst>
          <pc:docMk/>
          <pc:sldMk cId="1902811518" sldId="292"/>
        </pc:sldMkLst>
        <pc:graphicFrameChg chg="modGraphic">
          <ac:chgData name="Batyuk, Pavlo" userId="7e313b7a-4a78-4d12-92d9-c88f57dd5850" providerId="ADAL" clId="{8246BE15-08C3-47CD-A81A-E653F5A621B9}" dt="2024-04-30T11:37:14.343" v="57" actId="20577"/>
          <ac:graphicFrameMkLst>
            <pc:docMk/>
            <pc:sldMk cId="1902811518" sldId="292"/>
            <ac:graphicFrameMk id="2" creationId="{618363D7-5EDB-44C7-80E0-84CF75A84D29}"/>
          </ac:graphicFrameMkLst>
        </pc:graphicFrameChg>
      </pc:sldChg>
    </pc:docChg>
  </pc:docChgLst>
  <pc:docChgLst>
    <pc:chgData name="Larsby, Rasmus" userId="6b384748-46fc-477b-9cb5-03f014bf8163" providerId="ADAL" clId="{DCF7FB6D-DCE8-448A-8B2F-585106619326}"/>
    <pc:docChg chg="undo custSel modSld">
      <pc:chgData name="Larsby, Rasmus" userId="6b384748-46fc-477b-9cb5-03f014bf8163" providerId="ADAL" clId="{DCF7FB6D-DCE8-448A-8B2F-585106619326}" dt="2024-04-17T13:55:03.641" v="294"/>
      <pc:docMkLst>
        <pc:docMk/>
      </pc:docMkLst>
      <pc:sldChg chg="modSp mod">
        <pc:chgData name="Larsby, Rasmus" userId="6b384748-46fc-477b-9cb5-03f014bf8163" providerId="ADAL" clId="{DCF7FB6D-DCE8-448A-8B2F-585106619326}" dt="2024-04-17T13:44:54.055" v="241" actId="20577"/>
        <pc:sldMkLst>
          <pc:docMk/>
          <pc:sldMk cId="4263342422" sldId="270"/>
        </pc:sldMkLst>
        <pc:graphicFrameChg chg="mod modGraphic">
          <ac:chgData name="Larsby, Rasmus" userId="6b384748-46fc-477b-9cb5-03f014bf8163" providerId="ADAL" clId="{DCF7FB6D-DCE8-448A-8B2F-585106619326}" dt="2024-04-17T13:44:54.055" v="241" actId="20577"/>
          <ac:graphicFrameMkLst>
            <pc:docMk/>
            <pc:sldMk cId="4263342422" sldId="270"/>
            <ac:graphicFrameMk id="2" creationId="{618363D7-5EDB-44C7-80E0-84CF75A84D29}"/>
          </ac:graphicFrameMkLst>
        </pc:graphicFrameChg>
      </pc:sldChg>
      <pc:sldChg chg="modSp mod">
        <pc:chgData name="Larsby, Rasmus" userId="6b384748-46fc-477b-9cb5-03f014bf8163" providerId="ADAL" clId="{DCF7FB6D-DCE8-448A-8B2F-585106619326}" dt="2024-04-17T13:55:03.641" v="294"/>
        <pc:sldMkLst>
          <pc:docMk/>
          <pc:sldMk cId="3066624666" sldId="283"/>
        </pc:sldMkLst>
        <pc:graphicFrameChg chg="mod modGraphic">
          <ac:chgData name="Larsby, Rasmus" userId="6b384748-46fc-477b-9cb5-03f014bf8163" providerId="ADAL" clId="{DCF7FB6D-DCE8-448A-8B2F-585106619326}" dt="2024-04-17T13:55:03.641" v="294"/>
          <ac:graphicFrameMkLst>
            <pc:docMk/>
            <pc:sldMk cId="3066624666" sldId="283"/>
            <ac:graphicFrameMk id="2" creationId="{618363D7-5EDB-44C7-80E0-84CF75A84D29}"/>
          </ac:graphicFrameMkLst>
        </pc:graphicFrameChg>
      </pc:sldChg>
    </pc:docChg>
  </pc:docChgLst>
  <pc:docChgLst>
    <pc:chgData name="Aasen, Christine" userId="dbe5c54a-0744-44d0-8d80-d4463b461808" providerId="ADAL" clId="{D6A23422-5D9F-4353-9075-E7574A5F581C}"/>
    <pc:docChg chg="modSld">
      <pc:chgData name="Aasen, Christine" userId="dbe5c54a-0744-44d0-8d80-d4463b461808" providerId="ADAL" clId="{D6A23422-5D9F-4353-9075-E7574A5F581C}" dt="2024-10-16T07:17:33.043" v="0" actId="790"/>
      <pc:docMkLst>
        <pc:docMk/>
      </pc:docMkLst>
      <pc:sldChg chg="modSp mod">
        <pc:chgData name="Aasen, Christine" userId="dbe5c54a-0744-44d0-8d80-d4463b461808" providerId="ADAL" clId="{D6A23422-5D9F-4353-9075-E7574A5F581C}" dt="2024-10-16T07:17:33.043" v="0" actId="790"/>
        <pc:sldMkLst>
          <pc:docMk/>
          <pc:sldMk cId="1758456067" sldId="306"/>
        </pc:sldMkLst>
        <pc:spChg chg="mod">
          <ac:chgData name="Aasen, Christine" userId="dbe5c54a-0744-44d0-8d80-d4463b461808" providerId="ADAL" clId="{D6A23422-5D9F-4353-9075-E7574A5F581C}" dt="2024-10-16T07:17:33.043" v="0" actId="790"/>
          <ac:spMkLst>
            <pc:docMk/>
            <pc:sldMk cId="1758456067" sldId="306"/>
            <ac:spMk id="2" creationId="{7725DB03-6C3B-ADE1-61DE-EDDDD1F3D50D}"/>
          </ac:spMkLst>
        </pc:spChg>
      </pc:sldChg>
    </pc:docChg>
  </pc:docChgLst>
  <pc:docChgLst>
    <pc:chgData name="Øien, Håkon Sirnes" userId="02f188aa-9fba-4562-8f2e-47db34679b3c" providerId="ADAL" clId="{082D6437-9C27-4217-8F29-9AE96DAE04A0}"/>
    <pc:docChg chg="modSld">
      <pc:chgData name="Øien, Håkon Sirnes" userId="02f188aa-9fba-4562-8f2e-47db34679b3c" providerId="ADAL" clId="{082D6437-9C27-4217-8F29-9AE96DAE04A0}" dt="2024-04-19T09:07:18.614" v="185"/>
      <pc:docMkLst>
        <pc:docMk/>
      </pc:docMkLst>
      <pc:sldChg chg="modSp mod">
        <pc:chgData name="Øien, Håkon Sirnes" userId="02f188aa-9fba-4562-8f2e-47db34679b3c" providerId="ADAL" clId="{082D6437-9C27-4217-8F29-9AE96DAE04A0}" dt="2024-04-19T09:07:18.614" v="185"/>
        <pc:sldMkLst>
          <pc:docMk/>
          <pc:sldMk cId="3542587570" sldId="293"/>
        </pc:sldMkLst>
        <pc:graphicFrameChg chg="mod modGraphic">
          <ac:chgData name="Øien, Håkon Sirnes" userId="02f188aa-9fba-4562-8f2e-47db34679b3c" providerId="ADAL" clId="{082D6437-9C27-4217-8F29-9AE96DAE04A0}" dt="2024-04-19T09:07:18.614" v="185"/>
          <ac:graphicFrameMkLst>
            <pc:docMk/>
            <pc:sldMk cId="3542587570" sldId="293"/>
            <ac:graphicFrameMk id="2" creationId="{618363D7-5EDB-44C7-80E0-84CF75A84D29}"/>
          </ac:graphicFrameMkLst>
        </pc:graphicFrameChg>
      </pc:sldChg>
    </pc:docChg>
  </pc:docChgLst>
  <pc:docChgLst>
    <pc:chgData name="Bjella-Fosshaug, Kai-Rune" userId="13d797ca-4fec-4a2a-b007-3896f62b914b" providerId="ADAL" clId="{3A58A638-557E-498B-90ED-23CE8645CF5F}"/>
    <pc:docChg chg="undo custSel modSld">
      <pc:chgData name="Bjella-Fosshaug, Kai-Rune" userId="13d797ca-4fec-4a2a-b007-3896f62b914b" providerId="ADAL" clId="{3A58A638-557E-498B-90ED-23CE8645CF5F}" dt="2024-04-19T09:04:41.262" v="897" actId="255"/>
      <pc:docMkLst>
        <pc:docMk/>
      </pc:docMkLst>
      <pc:sldChg chg="modSp mod">
        <pc:chgData name="Bjella-Fosshaug, Kai-Rune" userId="13d797ca-4fec-4a2a-b007-3896f62b914b" providerId="ADAL" clId="{3A58A638-557E-498B-90ED-23CE8645CF5F}" dt="2024-04-19T09:02:24.913" v="814" actId="14734"/>
        <pc:sldMkLst>
          <pc:docMk/>
          <pc:sldMk cId="3542587570" sldId="293"/>
        </pc:sldMkLst>
        <pc:spChg chg="mod">
          <ac:chgData name="Bjella-Fosshaug, Kai-Rune" userId="13d797ca-4fec-4a2a-b007-3896f62b914b" providerId="ADAL" clId="{3A58A638-557E-498B-90ED-23CE8645CF5F}" dt="2024-04-19T08:56:05.828" v="535" actId="20577"/>
          <ac:spMkLst>
            <pc:docMk/>
            <pc:sldMk cId="3542587570" sldId="293"/>
            <ac:spMk id="10" creationId="{157D7CB1-754B-43B5-B7F6-8A97E2353771}"/>
          </ac:spMkLst>
        </pc:spChg>
        <pc:graphicFrameChg chg="mod modGraphic">
          <ac:chgData name="Bjella-Fosshaug, Kai-Rune" userId="13d797ca-4fec-4a2a-b007-3896f62b914b" providerId="ADAL" clId="{3A58A638-557E-498B-90ED-23CE8645CF5F}" dt="2024-04-19T09:02:24.913" v="814" actId="14734"/>
          <ac:graphicFrameMkLst>
            <pc:docMk/>
            <pc:sldMk cId="3542587570" sldId="293"/>
            <ac:graphicFrameMk id="2" creationId="{618363D7-5EDB-44C7-80E0-84CF75A84D29}"/>
          </ac:graphicFrameMkLst>
        </pc:graphicFrameChg>
      </pc:sldChg>
      <pc:sldChg chg="modSp mod">
        <pc:chgData name="Bjella-Fosshaug, Kai-Rune" userId="13d797ca-4fec-4a2a-b007-3896f62b914b" providerId="ADAL" clId="{3A58A638-557E-498B-90ED-23CE8645CF5F}" dt="2024-04-19T09:04:41.262" v="897" actId="255"/>
        <pc:sldMkLst>
          <pc:docMk/>
          <pc:sldMk cId="344046983" sldId="314"/>
        </pc:sldMkLst>
        <pc:spChg chg="mod">
          <ac:chgData name="Bjella-Fosshaug, Kai-Rune" userId="13d797ca-4fec-4a2a-b007-3896f62b914b" providerId="ADAL" clId="{3A58A638-557E-498B-90ED-23CE8645CF5F}" dt="2024-04-19T08:56:01.567" v="531" actId="20577"/>
          <ac:spMkLst>
            <pc:docMk/>
            <pc:sldMk cId="344046983" sldId="314"/>
            <ac:spMk id="10" creationId="{157D7CB1-754B-43B5-B7F6-8A97E2353771}"/>
          </ac:spMkLst>
        </pc:spChg>
        <pc:graphicFrameChg chg="mod modGraphic">
          <ac:chgData name="Bjella-Fosshaug, Kai-Rune" userId="13d797ca-4fec-4a2a-b007-3896f62b914b" providerId="ADAL" clId="{3A58A638-557E-498B-90ED-23CE8645CF5F}" dt="2024-04-19T09:04:41.262" v="897" actId="255"/>
          <ac:graphicFrameMkLst>
            <pc:docMk/>
            <pc:sldMk cId="344046983" sldId="314"/>
            <ac:graphicFrameMk id="2" creationId="{618363D7-5EDB-44C7-80E0-84CF75A84D29}"/>
          </ac:graphicFrameMkLst>
        </pc:graphicFrameChg>
      </pc:sldChg>
    </pc:docChg>
  </pc:docChgLst>
  <pc:docChgLst>
    <pc:chgData name="Jakonen, Joni" userId="ff6067f1-de79-4a03-be51-e9ca827a542a" providerId="ADAL" clId="{DE9CB3FA-B1F9-4655-B831-7B11E6295DCC}"/>
    <pc:docChg chg="custSel modSld">
      <pc:chgData name="Jakonen, Joni" userId="ff6067f1-de79-4a03-be51-e9ca827a542a" providerId="ADAL" clId="{DE9CB3FA-B1F9-4655-B831-7B11E6295DCC}" dt="2024-04-15T11:30:13.513" v="811" actId="20577"/>
      <pc:docMkLst>
        <pc:docMk/>
      </pc:docMkLst>
      <pc:sldChg chg="modSp mod">
        <pc:chgData name="Jakonen, Joni" userId="ff6067f1-de79-4a03-be51-e9ca827a542a" providerId="ADAL" clId="{DE9CB3FA-B1F9-4655-B831-7B11E6295DCC}" dt="2024-04-15T11:30:13.513" v="811" actId="20577"/>
        <pc:sldMkLst>
          <pc:docMk/>
          <pc:sldMk cId="3760125117" sldId="282"/>
        </pc:sldMkLst>
        <pc:spChg chg="mod">
          <ac:chgData name="Jakonen, Joni" userId="ff6067f1-de79-4a03-be51-e9ca827a542a" providerId="ADAL" clId="{DE9CB3FA-B1F9-4655-B831-7B11E6295DCC}" dt="2024-04-15T11:27:08.890" v="599" actId="1076"/>
          <ac:spMkLst>
            <pc:docMk/>
            <pc:sldMk cId="3760125117" sldId="282"/>
            <ac:spMk id="3" creationId="{DF13A51C-ACDC-3132-FF18-7C6FBD8DC30F}"/>
          </ac:spMkLst>
        </pc:spChg>
        <pc:graphicFrameChg chg="mod modGraphic">
          <ac:chgData name="Jakonen, Joni" userId="ff6067f1-de79-4a03-be51-e9ca827a542a" providerId="ADAL" clId="{DE9CB3FA-B1F9-4655-B831-7B11E6295DCC}" dt="2024-04-15T11:30:13.513" v="811" actId="20577"/>
          <ac:graphicFrameMkLst>
            <pc:docMk/>
            <pc:sldMk cId="3760125117" sldId="282"/>
            <ac:graphicFrameMk id="2" creationId="{618363D7-5EDB-44C7-80E0-84CF75A84D29}"/>
          </ac:graphicFrameMkLst>
        </pc:graphicFrameChg>
      </pc:sldChg>
    </pc:docChg>
  </pc:docChgLst>
  <pc:docChgLst>
    <pc:chgData name="Nielsen, Pernille" userId="d85aa353-143f-47bf-8d9a-4b9613890265" providerId="ADAL" clId="{AB19B6A4-8760-4CD3-8432-7C31D611B3AF}"/>
    <pc:docChg chg="undo custSel modSld">
      <pc:chgData name="Nielsen, Pernille" userId="d85aa353-143f-47bf-8d9a-4b9613890265" providerId="ADAL" clId="{AB19B6A4-8760-4CD3-8432-7C31D611B3AF}" dt="2024-05-06T14:30:06.820" v="987" actId="20577"/>
      <pc:docMkLst>
        <pc:docMk/>
      </pc:docMkLst>
      <pc:sldChg chg="addSp modSp mod">
        <pc:chgData name="Nielsen, Pernille" userId="d85aa353-143f-47bf-8d9a-4b9613890265" providerId="ADAL" clId="{AB19B6A4-8760-4CD3-8432-7C31D611B3AF}" dt="2024-05-06T14:30:06.820" v="987" actId="20577"/>
        <pc:sldMkLst>
          <pc:docMk/>
          <pc:sldMk cId="3690727680" sldId="288"/>
        </pc:sldMkLst>
        <pc:spChg chg="add mod">
          <ac:chgData name="Nielsen, Pernille" userId="d85aa353-143f-47bf-8d9a-4b9613890265" providerId="ADAL" clId="{AB19B6A4-8760-4CD3-8432-7C31D611B3AF}" dt="2024-05-06T14:30:06.820" v="987" actId="20577"/>
          <ac:spMkLst>
            <pc:docMk/>
            <pc:sldMk cId="3690727680" sldId="288"/>
            <ac:spMk id="4" creationId="{0CAF17EE-3805-FD60-5723-0BD22671DB54}"/>
          </ac:spMkLst>
        </pc:spChg>
        <pc:graphicFrameChg chg="mod modGraphic">
          <ac:chgData name="Nielsen, Pernille" userId="d85aa353-143f-47bf-8d9a-4b9613890265" providerId="ADAL" clId="{AB19B6A4-8760-4CD3-8432-7C31D611B3AF}" dt="2024-05-06T14:27:35.304" v="617" actId="20577"/>
          <ac:graphicFrameMkLst>
            <pc:docMk/>
            <pc:sldMk cId="3690727680" sldId="288"/>
            <ac:graphicFrameMk id="2" creationId="{618363D7-5EDB-44C7-80E0-84CF75A84D29}"/>
          </ac:graphicFrameMkLst>
        </pc:graphicFrameChg>
      </pc:sldChg>
    </pc:docChg>
  </pc:docChgLst>
  <pc:docChgLst>
    <pc:chgData name="Larsby, Rasmus" userId="6b384748-46fc-477b-9cb5-03f014bf8163" providerId="ADAL" clId="{E1FE94FB-3BBB-4072-95C2-DD00CD34DA6F}"/>
    <pc:docChg chg="undo custSel addSld delSld modSld">
      <pc:chgData name="Larsby, Rasmus" userId="6b384748-46fc-477b-9cb5-03f014bf8163" providerId="ADAL" clId="{E1FE94FB-3BBB-4072-95C2-DD00CD34DA6F}" dt="2024-05-23T12:01:37.003" v="846" actId="20577"/>
      <pc:docMkLst>
        <pc:docMk/>
      </pc:docMkLst>
      <pc:sldChg chg="modSp mod">
        <pc:chgData name="Larsby, Rasmus" userId="6b384748-46fc-477b-9cb5-03f014bf8163" providerId="ADAL" clId="{E1FE94FB-3BBB-4072-95C2-DD00CD34DA6F}" dt="2024-05-23T11:20:29.574" v="115" actId="20577"/>
        <pc:sldMkLst>
          <pc:docMk/>
          <pc:sldMk cId="4263342422" sldId="270"/>
        </pc:sldMkLst>
        <pc:graphicFrameChg chg="mod modGraphic">
          <ac:chgData name="Larsby, Rasmus" userId="6b384748-46fc-477b-9cb5-03f014bf8163" providerId="ADAL" clId="{E1FE94FB-3BBB-4072-95C2-DD00CD34DA6F}" dt="2024-05-23T11:20:29.574" v="115" actId="20577"/>
          <ac:graphicFrameMkLst>
            <pc:docMk/>
            <pc:sldMk cId="4263342422" sldId="270"/>
            <ac:graphicFrameMk id="2" creationId="{618363D7-5EDB-44C7-80E0-84CF75A84D29}"/>
          </ac:graphicFrameMkLst>
        </pc:graphicFrameChg>
      </pc:sldChg>
      <pc:sldChg chg="modSp mod">
        <pc:chgData name="Larsby, Rasmus" userId="6b384748-46fc-477b-9cb5-03f014bf8163" providerId="ADAL" clId="{E1FE94FB-3BBB-4072-95C2-DD00CD34DA6F}" dt="2024-05-23T11:34:59.861" v="826" actId="2165"/>
        <pc:sldMkLst>
          <pc:docMk/>
          <pc:sldMk cId="3066624666" sldId="283"/>
        </pc:sldMkLst>
        <pc:graphicFrameChg chg="modGraphic">
          <ac:chgData name="Larsby, Rasmus" userId="6b384748-46fc-477b-9cb5-03f014bf8163" providerId="ADAL" clId="{E1FE94FB-3BBB-4072-95C2-DD00CD34DA6F}" dt="2024-05-23T11:34:59.861" v="826" actId="2165"/>
          <ac:graphicFrameMkLst>
            <pc:docMk/>
            <pc:sldMk cId="3066624666" sldId="283"/>
            <ac:graphicFrameMk id="2" creationId="{618363D7-5EDB-44C7-80E0-84CF75A84D29}"/>
          </ac:graphicFrameMkLst>
        </pc:graphicFrameChg>
      </pc:sldChg>
      <pc:sldChg chg="modSp add mod">
        <pc:chgData name="Larsby, Rasmus" userId="6b384748-46fc-477b-9cb5-03f014bf8163" providerId="ADAL" clId="{E1FE94FB-3BBB-4072-95C2-DD00CD34DA6F}" dt="2024-05-23T12:01:37.003" v="846" actId="20577"/>
        <pc:sldMkLst>
          <pc:docMk/>
          <pc:sldMk cId="3834785320" sldId="318"/>
        </pc:sldMkLst>
        <pc:graphicFrameChg chg="mod modGraphic">
          <ac:chgData name="Larsby, Rasmus" userId="6b384748-46fc-477b-9cb5-03f014bf8163" providerId="ADAL" clId="{E1FE94FB-3BBB-4072-95C2-DD00CD34DA6F}" dt="2024-05-23T12:01:37.003" v="846" actId="20577"/>
          <ac:graphicFrameMkLst>
            <pc:docMk/>
            <pc:sldMk cId="3834785320" sldId="318"/>
            <ac:graphicFrameMk id="2" creationId="{618363D7-5EDB-44C7-80E0-84CF75A84D29}"/>
          </ac:graphicFrameMkLst>
        </pc:graphicFrameChg>
      </pc:sldChg>
      <pc:sldChg chg="modSp add del mod">
        <pc:chgData name="Larsby, Rasmus" userId="6b384748-46fc-477b-9cb5-03f014bf8163" providerId="ADAL" clId="{E1FE94FB-3BBB-4072-95C2-DD00CD34DA6F}" dt="2024-05-23T11:35:00.620" v="827"/>
        <pc:sldMkLst>
          <pc:docMk/>
          <pc:sldMk cId="2404273590" sldId="319"/>
        </pc:sldMkLst>
        <pc:graphicFrameChg chg="modGraphic">
          <ac:chgData name="Larsby, Rasmus" userId="6b384748-46fc-477b-9cb5-03f014bf8163" providerId="ADAL" clId="{E1FE94FB-3BBB-4072-95C2-DD00CD34DA6F}" dt="2024-05-23T11:34:59.430" v="825" actId="2165"/>
          <ac:graphicFrameMkLst>
            <pc:docMk/>
            <pc:sldMk cId="2404273590" sldId="319"/>
            <ac:graphicFrameMk id="2" creationId="{618363D7-5EDB-44C7-80E0-84CF75A84D29}"/>
          </ac:graphicFrameMkLst>
        </pc:graphicFrameChg>
      </pc:sldChg>
    </pc:docChg>
  </pc:docChgLst>
  <pc:docChgLst>
    <pc:chgData name="Dørstad, Mads" userId="S::mads.dorstad@if.no::ecb34f62-0105-46b0-b11e-8f8336552029" providerId="AD" clId="Web-{7A5CD943-0E74-1E53-E318-5A44A7BD5F5F}"/>
    <pc:docChg chg="modSld">
      <pc:chgData name="Dørstad, Mads" userId="S::mads.dorstad@if.no::ecb34f62-0105-46b0-b11e-8f8336552029" providerId="AD" clId="Web-{7A5CD943-0E74-1E53-E318-5A44A7BD5F5F}" dt="2024-04-15T07:44:50.872" v="39"/>
      <pc:docMkLst>
        <pc:docMk/>
      </pc:docMkLst>
      <pc:sldChg chg="modSp">
        <pc:chgData name="Dørstad, Mads" userId="S::mads.dorstad@if.no::ecb34f62-0105-46b0-b11e-8f8336552029" providerId="AD" clId="Web-{7A5CD943-0E74-1E53-E318-5A44A7BD5F5F}" dt="2024-04-15T07:44:50.872" v="39"/>
        <pc:sldMkLst>
          <pc:docMk/>
          <pc:sldMk cId="3076349678" sldId="289"/>
        </pc:sldMkLst>
        <pc:graphicFrameChg chg="mod modGraphic">
          <ac:chgData name="Dørstad, Mads" userId="S::mads.dorstad@if.no::ecb34f62-0105-46b0-b11e-8f8336552029" providerId="AD" clId="Web-{7A5CD943-0E74-1E53-E318-5A44A7BD5F5F}" dt="2024-04-15T07:44:50.872" v="39"/>
          <ac:graphicFrameMkLst>
            <pc:docMk/>
            <pc:sldMk cId="3076349678" sldId="289"/>
            <ac:graphicFrameMk id="2" creationId="{618363D7-5EDB-44C7-80E0-84CF75A84D29}"/>
          </ac:graphicFrameMkLst>
        </pc:graphicFrameChg>
      </pc:sldChg>
    </pc:docChg>
  </pc:docChgLst>
  <pc:docChgLst>
    <pc:chgData name="Berglund, Sara" userId="92f3cc0f-1bfb-4c3d-828f-a6d68a4177a3" providerId="ADAL" clId="{5E9D9BFF-D66E-4174-9DDF-01DC8E12C790}"/>
    <pc:docChg chg="modSld">
      <pc:chgData name="Berglund, Sara" userId="92f3cc0f-1bfb-4c3d-828f-a6d68a4177a3" providerId="ADAL" clId="{5E9D9BFF-D66E-4174-9DDF-01DC8E12C790}" dt="2024-04-29T12:08:30.897" v="51"/>
      <pc:docMkLst>
        <pc:docMk/>
      </pc:docMkLst>
      <pc:sldChg chg="modSp mod">
        <pc:chgData name="Berglund, Sara" userId="92f3cc0f-1bfb-4c3d-828f-a6d68a4177a3" providerId="ADAL" clId="{5E9D9BFF-D66E-4174-9DDF-01DC8E12C790}" dt="2024-04-29T12:08:30.897" v="51"/>
        <pc:sldMkLst>
          <pc:docMk/>
          <pc:sldMk cId="4289255194" sldId="286"/>
        </pc:sldMkLst>
        <pc:graphicFrameChg chg="mod modGraphic">
          <ac:chgData name="Berglund, Sara" userId="92f3cc0f-1bfb-4c3d-828f-a6d68a4177a3" providerId="ADAL" clId="{5E9D9BFF-D66E-4174-9DDF-01DC8E12C790}" dt="2024-04-29T12:08:30.897" v="51"/>
          <ac:graphicFrameMkLst>
            <pc:docMk/>
            <pc:sldMk cId="4289255194" sldId="286"/>
            <ac:graphicFrameMk id="2" creationId="{618363D7-5EDB-44C7-80E0-84CF75A84D29}"/>
          </ac:graphicFrameMkLst>
        </pc:graphicFrameChg>
      </pc:sldChg>
    </pc:docChg>
  </pc:docChgLst>
  <pc:docChgLst>
    <pc:chgData name="Dørstad, Mads" userId="S::mads.dorstad@if.no::ecb34f62-0105-46b0-b11e-8f8336552029" providerId="AD" clId="Web-{55500B67-8006-D002-8C84-B4B93BD3A02A}"/>
    <pc:docChg chg="modSld">
      <pc:chgData name="Dørstad, Mads" userId="S::mads.dorstad@if.no::ecb34f62-0105-46b0-b11e-8f8336552029" providerId="AD" clId="Web-{55500B67-8006-D002-8C84-B4B93BD3A02A}" dt="2024-04-30T10:47:03.495" v="45"/>
      <pc:docMkLst>
        <pc:docMk/>
      </pc:docMkLst>
      <pc:sldChg chg="modSp">
        <pc:chgData name="Dørstad, Mads" userId="S::mads.dorstad@if.no::ecb34f62-0105-46b0-b11e-8f8336552029" providerId="AD" clId="Web-{55500B67-8006-D002-8C84-B4B93BD3A02A}" dt="2024-04-30T10:47:03.495" v="45"/>
        <pc:sldMkLst>
          <pc:docMk/>
          <pc:sldMk cId="3076349678" sldId="289"/>
        </pc:sldMkLst>
        <pc:graphicFrameChg chg="mod modGraphic">
          <ac:chgData name="Dørstad, Mads" userId="S::mads.dorstad@if.no::ecb34f62-0105-46b0-b11e-8f8336552029" providerId="AD" clId="Web-{55500B67-8006-D002-8C84-B4B93BD3A02A}" dt="2024-04-30T10:47:03.495" v="45"/>
          <ac:graphicFrameMkLst>
            <pc:docMk/>
            <pc:sldMk cId="3076349678" sldId="289"/>
            <ac:graphicFrameMk id="2" creationId="{618363D7-5EDB-44C7-80E0-84CF75A84D29}"/>
          </ac:graphicFrameMkLst>
        </pc:graphicFrameChg>
      </pc:sldChg>
    </pc:docChg>
  </pc:docChgLst>
  <pc:docChgLst>
    <pc:chgData name="Aasen, Christine" userId="dbe5c54a-0744-44d0-8d80-d4463b461808" providerId="ADAL" clId="{8DBDD5D5-2D89-4E5D-B7AF-4CDB3FE00AF4}"/>
    <pc:docChg chg="undo custSel addSld delSld modSld sldOrd">
      <pc:chgData name="Aasen, Christine" userId="dbe5c54a-0744-44d0-8d80-d4463b461808" providerId="ADAL" clId="{8DBDD5D5-2D89-4E5D-B7AF-4CDB3FE00AF4}" dt="2024-05-29T12:18:51.153" v="4000"/>
      <pc:docMkLst>
        <pc:docMk/>
      </pc:docMkLst>
      <pc:sldChg chg="modSp mod">
        <pc:chgData name="Aasen, Christine" userId="dbe5c54a-0744-44d0-8d80-d4463b461808" providerId="ADAL" clId="{8DBDD5D5-2D89-4E5D-B7AF-4CDB3FE00AF4}" dt="2024-05-29T08:50:15.922" v="3826" actId="20577"/>
        <pc:sldMkLst>
          <pc:docMk/>
          <pc:sldMk cId="933264032" sldId="265"/>
        </pc:sldMkLst>
        <pc:spChg chg="mod">
          <ac:chgData name="Aasen, Christine" userId="dbe5c54a-0744-44d0-8d80-d4463b461808" providerId="ADAL" clId="{8DBDD5D5-2D89-4E5D-B7AF-4CDB3FE00AF4}" dt="2024-05-29T08:50:15.922" v="3826" actId="20577"/>
          <ac:spMkLst>
            <pc:docMk/>
            <pc:sldMk cId="933264032" sldId="265"/>
            <ac:spMk id="4" creationId="{957CEA0D-7FE8-F597-AA38-CC0C4D6F8488}"/>
          </ac:spMkLst>
        </pc:spChg>
      </pc:sldChg>
      <pc:sldChg chg="addSp delSp modSp mod">
        <pc:chgData name="Aasen, Christine" userId="dbe5c54a-0744-44d0-8d80-d4463b461808" providerId="ADAL" clId="{8DBDD5D5-2D89-4E5D-B7AF-4CDB3FE00AF4}" dt="2024-05-29T11:04:10.714" v="3962" actId="2711"/>
        <pc:sldMkLst>
          <pc:docMk/>
          <pc:sldMk cId="4263342422" sldId="270"/>
        </pc:sldMkLst>
        <pc:spChg chg="del mod">
          <ac:chgData name="Aasen, Christine" userId="dbe5c54a-0744-44d0-8d80-d4463b461808" providerId="ADAL" clId="{8DBDD5D5-2D89-4E5D-B7AF-4CDB3FE00AF4}" dt="2024-05-15T11:16:25.232" v="3162" actId="478"/>
          <ac:spMkLst>
            <pc:docMk/>
            <pc:sldMk cId="4263342422" sldId="270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35:02.464" v="3566" actId="20577"/>
          <ac:spMkLst>
            <pc:docMk/>
            <pc:sldMk cId="4263342422" sldId="270"/>
            <ac:spMk id="4" creationId="{6A2F4E7C-E96C-A0D1-1146-4D3D65A4F8B4}"/>
          </ac:spMkLst>
        </pc:spChg>
        <pc:spChg chg="mod">
          <ac:chgData name="Aasen, Christine" userId="dbe5c54a-0744-44d0-8d80-d4463b461808" providerId="ADAL" clId="{8DBDD5D5-2D89-4E5D-B7AF-4CDB3FE00AF4}" dt="2024-05-29T10:39:10.673" v="3915" actId="20577"/>
          <ac:spMkLst>
            <pc:docMk/>
            <pc:sldMk cId="4263342422" sldId="270"/>
            <ac:spMk id="10" creationId="{157D7CB1-754B-43B5-B7F6-8A97E2353771}"/>
          </ac:spMkLst>
        </pc:spChg>
        <pc:graphicFrameChg chg="mod modGraphic">
          <ac:chgData name="Aasen, Christine" userId="dbe5c54a-0744-44d0-8d80-d4463b461808" providerId="ADAL" clId="{8DBDD5D5-2D89-4E5D-B7AF-4CDB3FE00AF4}" dt="2024-05-29T11:04:10.714" v="3962" actId="2711"/>
          <ac:graphicFrameMkLst>
            <pc:docMk/>
            <pc:sldMk cId="4263342422" sldId="270"/>
            <ac:graphicFrameMk id="2" creationId="{618363D7-5EDB-44C7-80E0-84CF75A84D29}"/>
          </ac:graphicFrameMkLst>
        </pc:graphicFrameChg>
      </pc:sldChg>
      <pc:sldChg chg="add del">
        <pc:chgData name="Aasen, Christine" userId="dbe5c54a-0744-44d0-8d80-d4463b461808" providerId="ADAL" clId="{8DBDD5D5-2D89-4E5D-B7AF-4CDB3FE00AF4}" dt="2024-04-29T09:53:20.110" v="2116" actId="47"/>
        <pc:sldMkLst>
          <pc:docMk/>
          <pc:sldMk cId="108043045" sldId="274"/>
        </pc:sldMkLst>
      </pc:sldChg>
      <pc:sldChg chg="modSp del mod">
        <pc:chgData name="Aasen, Christine" userId="dbe5c54a-0744-44d0-8d80-d4463b461808" providerId="ADAL" clId="{8DBDD5D5-2D89-4E5D-B7AF-4CDB3FE00AF4}" dt="2024-04-16T14:08:46.151" v="1628" actId="2696"/>
        <pc:sldMkLst>
          <pc:docMk/>
          <pc:sldMk cId="122314085" sldId="274"/>
        </pc:sldMkLst>
        <pc:spChg chg="mod">
          <ac:chgData name="Aasen, Christine" userId="dbe5c54a-0744-44d0-8d80-d4463b461808" providerId="ADAL" clId="{8DBDD5D5-2D89-4E5D-B7AF-4CDB3FE00AF4}" dt="2024-04-09T14:08:58.308" v="895" actId="20577"/>
          <ac:spMkLst>
            <pc:docMk/>
            <pc:sldMk cId="122314085" sldId="274"/>
            <ac:spMk id="2" creationId="{01F9B32D-30C7-F9E8-B954-74CB998E735A}"/>
          </ac:spMkLst>
        </pc:spChg>
        <pc:spChg chg="mod">
          <ac:chgData name="Aasen, Christine" userId="dbe5c54a-0744-44d0-8d80-d4463b461808" providerId="ADAL" clId="{8DBDD5D5-2D89-4E5D-B7AF-4CDB3FE00AF4}" dt="2024-04-12T11:31:19.618" v="910"/>
          <ac:spMkLst>
            <pc:docMk/>
            <pc:sldMk cId="122314085" sldId="274"/>
            <ac:spMk id="3" creationId="{977F4C09-C575-2F48-4635-0C290897F3D1}"/>
          </ac:spMkLst>
        </pc:spChg>
      </pc:sldChg>
      <pc:sldChg chg="modSp mod">
        <pc:chgData name="Aasen, Christine" userId="dbe5c54a-0744-44d0-8d80-d4463b461808" providerId="ADAL" clId="{8DBDD5D5-2D89-4E5D-B7AF-4CDB3FE00AF4}" dt="2024-04-17T13:39:47.268" v="1984" actId="790"/>
        <pc:sldMkLst>
          <pc:docMk/>
          <pc:sldMk cId="2555465476" sldId="275"/>
        </pc:sldMkLst>
        <pc:spChg chg="mod">
          <ac:chgData name="Aasen, Christine" userId="dbe5c54a-0744-44d0-8d80-d4463b461808" providerId="ADAL" clId="{8DBDD5D5-2D89-4E5D-B7AF-4CDB3FE00AF4}" dt="2024-04-17T13:38:23.595" v="1876" actId="5793"/>
          <ac:spMkLst>
            <pc:docMk/>
            <pc:sldMk cId="2555465476" sldId="275"/>
            <ac:spMk id="3" creationId="{977F4C09-C575-2F48-4635-0C290897F3D1}"/>
          </ac:spMkLst>
        </pc:spChg>
        <pc:spChg chg="mod">
          <ac:chgData name="Aasen, Christine" userId="dbe5c54a-0744-44d0-8d80-d4463b461808" providerId="ADAL" clId="{8DBDD5D5-2D89-4E5D-B7AF-4CDB3FE00AF4}" dt="2024-04-17T13:39:47.268" v="1984" actId="790"/>
          <ac:spMkLst>
            <pc:docMk/>
            <pc:sldMk cId="2555465476" sldId="275"/>
            <ac:spMk id="4" creationId="{957CEA0D-7FE8-F597-AA38-CC0C4D6F8488}"/>
          </ac:spMkLst>
        </pc:spChg>
      </pc:sldChg>
      <pc:sldChg chg="modSp del mod">
        <pc:chgData name="Aasen, Christine" userId="dbe5c54a-0744-44d0-8d80-d4463b461808" providerId="ADAL" clId="{8DBDD5D5-2D89-4E5D-B7AF-4CDB3FE00AF4}" dt="2024-04-16T14:10:47.600" v="1630" actId="47"/>
        <pc:sldMkLst>
          <pc:docMk/>
          <pc:sldMk cId="2547872744" sldId="281"/>
        </pc:sldMkLst>
        <pc:spChg chg="mod">
          <ac:chgData name="Aasen, Christine" userId="dbe5c54a-0744-44d0-8d80-d4463b461808" providerId="ADAL" clId="{8DBDD5D5-2D89-4E5D-B7AF-4CDB3FE00AF4}" dt="2024-04-16T14:00:25.725" v="1624" actId="20577"/>
          <ac:spMkLst>
            <pc:docMk/>
            <pc:sldMk cId="2547872744" sldId="281"/>
            <ac:spMk id="2" creationId="{01F9B32D-30C7-F9E8-B954-74CB998E735A}"/>
          </ac:spMkLst>
        </pc:spChg>
      </pc:sldChg>
      <pc:sldChg chg="addSp delSp modSp mod">
        <pc:chgData name="Aasen, Christine" userId="dbe5c54a-0744-44d0-8d80-d4463b461808" providerId="ADAL" clId="{8DBDD5D5-2D89-4E5D-B7AF-4CDB3FE00AF4}" dt="2024-05-29T10:39:48.979" v="3923" actId="20577"/>
        <pc:sldMkLst>
          <pc:docMk/>
          <pc:sldMk cId="3760125117" sldId="282"/>
        </pc:sldMkLst>
        <pc:spChg chg="del mod">
          <ac:chgData name="Aasen, Christine" userId="dbe5c54a-0744-44d0-8d80-d4463b461808" providerId="ADAL" clId="{8DBDD5D5-2D89-4E5D-B7AF-4CDB3FE00AF4}" dt="2024-05-15T11:16:15.475" v="3146" actId="478"/>
          <ac:spMkLst>
            <pc:docMk/>
            <pc:sldMk cId="3760125117" sldId="282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35:10.551" v="3568" actId="20577"/>
          <ac:spMkLst>
            <pc:docMk/>
            <pc:sldMk cId="3760125117" sldId="282"/>
            <ac:spMk id="4" creationId="{95193A10-A6A5-F8F2-11BC-D9E9B495BA7E}"/>
          </ac:spMkLst>
        </pc:spChg>
        <pc:spChg chg="mod">
          <ac:chgData name="Aasen, Christine" userId="dbe5c54a-0744-44d0-8d80-d4463b461808" providerId="ADAL" clId="{8DBDD5D5-2D89-4E5D-B7AF-4CDB3FE00AF4}" dt="2024-05-29T10:39:48.979" v="3923" actId="20577"/>
          <ac:spMkLst>
            <pc:docMk/>
            <pc:sldMk cId="3760125117" sldId="282"/>
            <ac:spMk id="10" creationId="{157D7CB1-754B-43B5-B7F6-8A97E2353771}"/>
          </ac:spMkLst>
        </pc:spChg>
        <pc:graphicFrameChg chg="mod modGraphic">
          <ac:chgData name="Aasen, Christine" userId="dbe5c54a-0744-44d0-8d80-d4463b461808" providerId="ADAL" clId="{8DBDD5D5-2D89-4E5D-B7AF-4CDB3FE00AF4}" dt="2024-05-21T11:53:00.270" v="3824" actId="2165"/>
          <ac:graphicFrameMkLst>
            <pc:docMk/>
            <pc:sldMk cId="3760125117" sldId="282"/>
            <ac:graphicFrameMk id="2" creationId="{618363D7-5EDB-44C7-80E0-84CF75A84D29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29T11:04:01.867" v="3961" actId="2711"/>
        <pc:sldMkLst>
          <pc:docMk/>
          <pc:sldMk cId="3066624666" sldId="283"/>
        </pc:sldMkLst>
        <pc:spChg chg="del mod">
          <ac:chgData name="Aasen, Christine" userId="dbe5c54a-0744-44d0-8d80-d4463b461808" providerId="ADAL" clId="{8DBDD5D5-2D89-4E5D-B7AF-4CDB3FE00AF4}" dt="2024-05-15T11:16:05.046" v="3144" actId="478"/>
          <ac:spMkLst>
            <pc:docMk/>
            <pc:sldMk cId="3066624666" sldId="283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37:31.102" v="3606" actId="20577"/>
          <ac:spMkLst>
            <pc:docMk/>
            <pc:sldMk cId="3066624666" sldId="283"/>
            <ac:spMk id="4" creationId="{4C8AB4E7-9F87-5E59-C1FE-3FF59FD4076F}"/>
          </ac:spMkLst>
        </pc:spChg>
        <pc:graphicFrameChg chg="mod modGraphic">
          <ac:chgData name="Aasen, Christine" userId="dbe5c54a-0744-44d0-8d80-d4463b461808" providerId="ADAL" clId="{8DBDD5D5-2D89-4E5D-B7AF-4CDB3FE00AF4}" dt="2024-05-29T11:04:01.867" v="3961" actId="2711"/>
          <ac:graphicFrameMkLst>
            <pc:docMk/>
            <pc:sldMk cId="3066624666" sldId="283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30T08:18:00.157" v="2298" actId="47"/>
        <pc:sldMkLst>
          <pc:docMk/>
          <pc:sldMk cId="1608144636" sldId="284"/>
        </pc:sldMkLst>
        <pc:graphicFrameChg chg="modGraphic">
          <ac:chgData name="Aasen, Christine" userId="dbe5c54a-0744-44d0-8d80-d4463b461808" providerId="ADAL" clId="{8DBDD5D5-2D89-4E5D-B7AF-4CDB3FE00AF4}" dt="2024-04-12T11:33:31.917" v="1036" actId="6549"/>
          <ac:graphicFrameMkLst>
            <pc:docMk/>
            <pc:sldMk cId="1608144636" sldId="284"/>
            <ac:graphicFrameMk id="2" creationId="{618363D7-5EDB-44C7-80E0-84CF75A84D29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29T11:38:54.845" v="3980" actId="20577"/>
        <pc:sldMkLst>
          <pc:docMk/>
          <pc:sldMk cId="2694281893" sldId="285"/>
        </pc:sldMkLst>
        <pc:spChg chg="del mod">
          <ac:chgData name="Aasen, Christine" userId="dbe5c54a-0744-44d0-8d80-d4463b461808" providerId="ADAL" clId="{8DBDD5D5-2D89-4E5D-B7AF-4CDB3FE00AF4}" dt="2024-05-15T11:15:59.931" v="3142" actId="478"/>
          <ac:spMkLst>
            <pc:docMk/>
            <pc:sldMk cId="2694281893" sldId="285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37:59.677" v="3614" actId="20577"/>
          <ac:spMkLst>
            <pc:docMk/>
            <pc:sldMk cId="2694281893" sldId="285"/>
            <ac:spMk id="4" creationId="{17C6B69D-F833-30C9-E747-473BE3928696}"/>
          </ac:spMkLst>
        </pc:spChg>
        <pc:graphicFrameChg chg="mod modGraphic">
          <ac:chgData name="Aasen, Christine" userId="dbe5c54a-0744-44d0-8d80-d4463b461808" providerId="ADAL" clId="{8DBDD5D5-2D89-4E5D-B7AF-4CDB3FE00AF4}" dt="2024-05-29T11:38:54.845" v="3980" actId="20577"/>
          <ac:graphicFrameMkLst>
            <pc:docMk/>
            <pc:sldMk cId="2694281893" sldId="285"/>
            <ac:graphicFrameMk id="2" creationId="{618363D7-5EDB-44C7-80E0-84CF75A84D29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16T12:13:46.759" v="3685" actId="2711"/>
        <pc:sldMkLst>
          <pc:docMk/>
          <pc:sldMk cId="4289255194" sldId="286"/>
        </pc:sldMkLst>
        <pc:spChg chg="del mod">
          <ac:chgData name="Aasen, Christine" userId="dbe5c54a-0744-44d0-8d80-d4463b461808" providerId="ADAL" clId="{8DBDD5D5-2D89-4E5D-B7AF-4CDB3FE00AF4}" dt="2024-05-15T11:15:55.689" v="3140" actId="478"/>
          <ac:spMkLst>
            <pc:docMk/>
            <pc:sldMk cId="4289255194" sldId="286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38:23.741" v="3622" actId="20577"/>
          <ac:spMkLst>
            <pc:docMk/>
            <pc:sldMk cId="4289255194" sldId="286"/>
            <ac:spMk id="4" creationId="{80E30A49-C45A-AB19-FBE6-BE3F41BBE420}"/>
          </ac:spMkLst>
        </pc:spChg>
        <pc:graphicFrameChg chg="mod modGraphic">
          <ac:chgData name="Aasen, Christine" userId="dbe5c54a-0744-44d0-8d80-d4463b461808" providerId="ADAL" clId="{8DBDD5D5-2D89-4E5D-B7AF-4CDB3FE00AF4}" dt="2024-05-16T12:13:46.759" v="3685" actId="2711"/>
          <ac:graphicFrameMkLst>
            <pc:docMk/>
            <pc:sldMk cId="4289255194" sldId="286"/>
            <ac:graphicFrameMk id="2" creationId="{618363D7-5EDB-44C7-80E0-84CF75A84D29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15T11:39:05.167" v="3628" actId="20577"/>
        <pc:sldMkLst>
          <pc:docMk/>
          <pc:sldMk cId="326338655" sldId="287"/>
        </pc:sldMkLst>
        <pc:spChg chg="del mod">
          <ac:chgData name="Aasen, Christine" userId="dbe5c54a-0744-44d0-8d80-d4463b461808" providerId="ADAL" clId="{8DBDD5D5-2D89-4E5D-B7AF-4CDB3FE00AF4}" dt="2024-05-15T11:15:50.324" v="3138" actId="478"/>
          <ac:spMkLst>
            <pc:docMk/>
            <pc:sldMk cId="326338655" sldId="287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24:33.595" v="3312" actId="20577"/>
          <ac:spMkLst>
            <pc:docMk/>
            <pc:sldMk cId="326338655" sldId="287"/>
            <ac:spMk id="4" creationId="{1C29915A-EC8C-29F1-52B5-A80BA0A7F01E}"/>
          </ac:spMkLst>
        </pc:spChg>
        <pc:graphicFrameChg chg="mod modGraphic">
          <ac:chgData name="Aasen, Christine" userId="dbe5c54a-0744-44d0-8d80-d4463b461808" providerId="ADAL" clId="{8DBDD5D5-2D89-4E5D-B7AF-4CDB3FE00AF4}" dt="2024-05-15T11:39:05.167" v="3628" actId="20577"/>
          <ac:graphicFrameMkLst>
            <pc:docMk/>
            <pc:sldMk cId="326338655" sldId="287"/>
            <ac:graphicFrameMk id="2" creationId="{618363D7-5EDB-44C7-80E0-84CF75A84D29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29T11:35:36.414" v="3964" actId="478"/>
        <pc:sldMkLst>
          <pc:docMk/>
          <pc:sldMk cId="3690727680" sldId="288"/>
        </pc:sldMkLst>
        <pc:spChg chg="del mod">
          <ac:chgData name="Aasen, Christine" userId="dbe5c54a-0744-44d0-8d80-d4463b461808" providerId="ADAL" clId="{8DBDD5D5-2D89-4E5D-B7AF-4CDB3FE00AF4}" dt="2024-05-15T11:15:44.449" v="3136" actId="478"/>
          <ac:spMkLst>
            <pc:docMk/>
            <pc:sldMk cId="3690727680" sldId="288"/>
            <ac:spMk id="3" creationId="{DF13A51C-ACDC-3132-FF18-7C6FBD8DC30F}"/>
          </ac:spMkLst>
        </pc:spChg>
        <pc:spChg chg="del mod">
          <ac:chgData name="Aasen, Christine" userId="dbe5c54a-0744-44d0-8d80-d4463b461808" providerId="ADAL" clId="{8DBDD5D5-2D89-4E5D-B7AF-4CDB3FE00AF4}" dt="2024-05-29T11:35:36.414" v="3964" actId="478"/>
          <ac:spMkLst>
            <pc:docMk/>
            <pc:sldMk cId="3690727680" sldId="288"/>
            <ac:spMk id="4" creationId="{0CAF17EE-3805-FD60-5723-0BD22671DB54}"/>
          </ac:spMkLst>
        </pc:spChg>
        <pc:spChg chg="add mod">
          <ac:chgData name="Aasen, Christine" userId="dbe5c54a-0744-44d0-8d80-d4463b461808" providerId="ADAL" clId="{8DBDD5D5-2D89-4E5D-B7AF-4CDB3FE00AF4}" dt="2024-05-15T11:24:10.535" v="3304" actId="20577"/>
          <ac:spMkLst>
            <pc:docMk/>
            <pc:sldMk cId="3690727680" sldId="288"/>
            <ac:spMk id="5" creationId="{4A858835-CD41-54AB-48E9-3D8C698AB0DD}"/>
          </ac:spMkLst>
        </pc:spChg>
        <pc:graphicFrameChg chg="mod modGraphic">
          <ac:chgData name="Aasen, Christine" userId="dbe5c54a-0744-44d0-8d80-d4463b461808" providerId="ADAL" clId="{8DBDD5D5-2D89-4E5D-B7AF-4CDB3FE00AF4}" dt="2024-05-15T11:22:52.209" v="3284" actId="20577"/>
          <ac:graphicFrameMkLst>
            <pc:docMk/>
            <pc:sldMk cId="3690727680" sldId="288"/>
            <ac:graphicFrameMk id="2" creationId="{618363D7-5EDB-44C7-80E0-84CF75A84D29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15T11:25:03.613" v="3319" actId="20577"/>
        <pc:sldMkLst>
          <pc:docMk/>
          <pc:sldMk cId="3076349678" sldId="289"/>
        </pc:sldMkLst>
        <pc:spChg chg="del mod">
          <ac:chgData name="Aasen, Christine" userId="dbe5c54a-0744-44d0-8d80-d4463b461808" providerId="ADAL" clId="{8DBDD5D5-2D89-4E5D-B7AF-4CDB3FE00AF4}" dt="2024-05-15T11:15:39.565" v="3134" actId="478"/>
          <ac:spMkLst>
            <pc:docMk/>
            <pc:sldMk cId="3076349678" sldId="289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25:03.613" v="3319" actId="20577"/>
          <ac:spMkLst>
            <pc:docMk/>
            <pc:sldMk cId="3076349678" sldId="289"/>
            <ac:spMk id="4" creationId="{B6C492C3-2AD3-A92E-D078-E0DB0FEB7219}"/>
          </ac:spMkLst>
        </pc:spChg>
        <pc:graphicFrameChg chg="modGraphic">
          <ac:chgData name="Aasen, Christine" userId="dbe5c54a-0744-44d0-8d80-d4463b461808" providerId="ADAL" clId="{8DBDD5D5-2D89-4E5D-B7AF-4CDB3FE00AF4}" dt="2024-05-15T11:24:53.097" v="3317" actId="20577"/>
          <ac:graphicFrameMkLst>
            <pc:docMk/>
            <pc:sldMk cId="3076349678" sldId="289"/>
            <ac:graphicFrameMk id="2" creationId="{618363D7-5EDB-44C7-80E0-84CF75A84D29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29T12:18:51.153" v="4000"/>
        <pc:sldMkLst>
          <pc:docMk/>
          <pc:sldMk cId="2936136048" sldId="290"/>
        </pc:sldMkLst>
        <pc:spChg chg="del mod">
          <ac:chgData name="Aasen, Christine" userId="dbe5c54a-0744-44d0-8d80-d4463b461808" providerId="ADAL" clId="{8DBDD5D5-2D89-4E5D-B7AF-4CDB3FE00AF4}" dt="2024-05-15T11:15:34.824" v="3132" actId="478"/>
          <ac:spMkLst>
            <pc:docMk/>
            <pc:sldMk cId="2936136048" sldId="290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25:15.074" v="3321" actId="20577"/>
          <ac:spMkLst>
            <pc:docMk/>
            <pc:sldMk cId="2936136048" sldId="290"/>
            <ac:spMk id="4" creationId="{23E0B2D2-AED4-E249-A4A6-98CC051AAA78}"/>
          </ac:spMkLst>
        </pc:spChg>
        <pc:graphicFrameChg chg="mod modGraphic">
          <ac:chgData name="Aasen, Christine" userId="dbe5c54a-0744-44d0-8d80-d4463b461808" providerId="ADAL" clId="{8DBDD5D5-2D89-4E5D-B7AF-4CDB3FE00AF4}" dt="2024-05-29T12:18:51.153" v="4000"/>
          <ac:graphicFrameMkLst>
            <pc:docMk/>
            <pc:sldMk cId="2936136048" sldId="290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18T08:04:17.475" v="1986" actId="47"/>
        <pc:sldMkLst>
          <pc:docMk/>
          <pc:sldMk cId="235480314" sldId="291"/>
        </pc:sldMkLst>
        <pc:graphicFrameChg chg="modGraphic">
          <ac:chgData name="Aasen, Christine" userId="dbe5c54a-0744-44d0-8d80-d4463b461808" providerId="ADAL" clId="{8DBDD5D5-2D89-4E5D-B7AF-4CDB3FE00AF4}" dt="2024-04-08T13:59:20.652" v="841" actId="6549"/>
          <ac:graphicFrameMkLst>
            <pc:docMk/>
            <pc:sldMk cId="235480314" sldId="291"/>
            <ac:graphicFrameMk id="2" creationId="{618363D7-5EDB-44C7-80E0-84CF75A84D29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15T11:27:16.011" v="3371" actId="20577"/>
        <pc:sldMkLst>
          <pc:docMk/>
          <pc:sldMk cId="1902811518" sldId="292"/>
        </pc:sldMkLst>
        <pc:spChg chg="del mod">
          <ac:chgData name="Aasen, Christine" userId="dbe5c54a-0744-44d0-8d80-d4463b461808" providerId="ADAL" clId="{8DBDD5D5-2D89-4E5D-B7AF-4CDB3FE00AF4}" dt="2024-05-15T11:15:26.018" v="3128" actId="478"/>
          <ac:spMkLst>
            <pc:docMk/>
            <pc:sldMk cId="1902811518" sldId="292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26:19.932" v="3334" actId="20577"/>
          <ac:spMkLst>
            <pc:docMk/>
            <pc:sldMk cId="1902811518" sldId="292"/>
            <ac:spMk id="4" creationId="{7E1F2186-F03A-D739-0542-2D15D7EEC371}"/>
          </ac:spMkLst>
        </pc:spChg>
        <pc:graphicFrameChg chg="mod modGraphic">
          <ac:chgData name="Aasen, Christine" userId="dbe5c54a-0744-44d0-8d80-d4463b461808" providerId="ADAL" clId="{8DBDD5D5-2D89-4E5D-B7AF-4CDB3FE00AF4}" dt="2024-05-15T11:27:16.011" v="3371" actId="20577"/>
          <ac:graphicFrameMkLst>
            <pc:docMk/>
            <pc:sldMk cId="1902811518" sldId="292"/>
            <ac:graphicFrameMk id="2" creationId="{618363D7-5EDB-44C7-80E0-84CF75A84D29}"/>
          </ac:graphicFrameMkLst>
        </pc:graphicFrameChg>
      </pc:sldChg>
      <pc:sldChg chg="addSp delSp modSp add del mod">
        <pc:chgData name="Aasen, Christine" userId="dbe5c54a-0744-44d0-8d80-d4463b461808" providerId="ADAL" clId="{8DBDD5D5-2D89-4E5D-B7AF-4CDB3FE00AF4}" dt="2024-05-21T09:08:27.719" v="3730"/>
        <pc:sldMkLst>
          <pc:docMk/>
          <pc:sldMk cId="3542587570" sldId="293"/>
        </pc:sldMkLst>
        <pc:spChg chg="del mod">
          <ac:chgData name="Aasen, Christine" userId="dbe5c54a-0744-44d0-8d80-d4463b461808" providerId="ADAL" clId="{8DBDD5D5-2D89-4E5D-B7AF-4CDB3FE00AF4}" dt="2024-05-15T11:15:20.302" v="3126" actId="478"/>
          <ac:spMkLst>
            <pc:docMk/>
            <pc:sldMk cId="3542587570" sldId="293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27:32.141" v="3373" actId="20577"/>
          <ac:spMkLst>
            <pc:docMk/>
            <pc:sldMk cId="3542587570" sldId="293"/>
            <ac:spMk id="4" creationId="{9F690155-B928-55EF-2913-65D2C957FBCE}"/>
          </ac:spMkLst>
        </pc:spChg>
        <pc:graphicFrameChg chg="mod modGraphic">
          <ac:chgData name="Aasen, Christine" userId="dbe5c54a-0744-44d0-8d80-d4463b461808" providerId="ADAL" clId="{8DBDD5D5-2D89-4E5D-B7AF-4CDB3FE00AF4}" dt="2024-05-21T09:08:27.719" v="3730"/>
          <ac:graphicFrameMkLst>
            <pc:docMk/>
            <pc:sldMk cId="3542587570" sldId="293"/>
            <ac:graphicFrameMk id="2" creationId="{618363D7-5EDB-44C7-80E0-84CF75A84D29}"/>
          </ac:graphicFrameMkLst>
        </pc:graphicFrameChg>
      </pc:sldChg>
      <pc:sldChg chg="addSp delSp modSp add del mod">
        <pc:chgData name="Aasen, Christine" userId="dbe5c54a-0744-44d0-8d80-d4463b461808" providerId="ADAL" clId="{8DBDD5D5-2D89-4E5D-B7AF-4CDB3FE00AF4}" dt="2024-05-15T11:30:20.640" v="3422" actId="20577"/>
        <pc:sldMkLst>
          <pc:docMk/>
          <pc:sldMk cId="2135389" sldId="294"/>
        </pc:sldMkLst>
        <pc:spChg chg="add mod">
          <ac:chgData name="Aasen, Christine" userId="dbe5c54a-0744-44d0-8d80-d4463b461808" providerId="ADAL" clId="{8DBDD5D5-2D89-4E5D-B7AF-4CDB3FE00AF4}" dt="2024-05-15T11:29:54.093" v="3412" actId="20577"/>
          <ac:spMkLst>
            <pc:docMk/>
            <pc:sldMk cId="2135389" sldId="294"/>
            <ac:spMk id="2" creationId="{3385B985-5B0C-0F13-7CE9-011F3B101635}"/>
          </ac:spMkLst>
        </pc:spChg>
        <pc:spChg chg="del mod">
          <ac:chgData name="Aasen, Christine" userId="dbe5c54a-0744-44d0-8d80-d4463b461808" providerId="ADAL" clId="{8DBDD5D5-2D89-4E5D-B7AF-4CDB3FE00AF4}" dt="2024-05-15T11:14:50.334" v="3099" actId="478"/>
          <ac:spMkLst>
            <pc:docMk/>
            <pc:sldMk cId="2135389" sldId="294"/>
            <ac:spMk id="3" creationId="{DF13A51C-ACDC-3132-FF18-7C6FBD8DC30F}"/>
          </ac:spMkLst>
        </pc:spChg>
        <pc:spChg chg="add del mod">
          <ac:chgData name="Aasen, Christine" userId="dbe5c54a-0744-44d0-8d80-d4463b461808" providerId="ADAL" clId="{8DBDD5D5-2D89-4E5D-B7AF-4CDB3FE00AF4}" dt="2024-05-02T14:17:49.519" v="2391" actId="478"/>
          <ac:spMkLst>
            <pc:docMk/>
            <pc:sldMk cId="2135389" sldId="294"/>
            <ac:spMk id="6" creationId="{0BA105C2-42BD-EB14-CE36-5A501DE6D66A}"/>
          </ac:spMkLst>
        </pc:spChg>
        <pc:graphicFrameChg chg="del modGraphic">
          <ac:chgData name="Aasen, Christine" userId="dbe5c54a-0744-44d0-8d80-d4463b461808" providerId="ADAL" clId="{8DBDD5D5-2D89-4E5D-B7AF-4CDB3FE00AF4}" dt="2024-05-02T14:17:43.872" v="2390" actId="478"/>
          <ac:graphicFrameMkLst>
            <pc:docMk/>
            <pc:sldMk cId="2135389" sldId="294"/>
            <ac:graphicFrameMk id="2" creationId="{618363D7-5EDB-44C7-80E0-84CF75A84D29}"/>
          </ac:graphicFrameMkLst>
        </pc:graphicFrameChg>
        <pc:graphicFrameChg chg="mod modGraphic">
          <ac:chgData name="Aasen, Christine" userId="dbe5c54a-0744-44d0-8d80-d4463b461808" providerId="ADAL" clId="{8DBDD5D5-2D89-4E5D-B7AF-4CDB3FE00AF4}" dt="2024-05-15T11:30:20.640" v="3422" actId="20577"/>
          <ac:graphicFrameMkLst>
            <pc:docMk/>
            <pc:sldMk cId="2135389" sldId="294"/>
            <ac:graphicFrameMk id="4" creationId="{178CF8F6-7965-7F6A-5271-D43672FA2011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21T11:11:54.468" v="3735" actId="20577"/>
        <pc:sldMkLst>
          <pc:docMk/>
          <pc:sldMk cId="3213808861" sldId="295"/>
        </pc:sldMkLst>
        <pc:spChg chg="del mod">
          <ac:chgData name="Aasen, Christine" userId="dbe5c54a-0744-44d0-8d80-d4463b461808" providerId="ADAL" clId="{8DBDD5D5-2D89-4E5D-B7AF-4CDB3FE00AF4}" dt="2024-05-15T11:14:24.492" v="3094" actId="478"/>
          <ac:spMkLst>
            <pc:docMk/>
            <pc:sldMk cId="3213808861" sldId="295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30:51.098" v="3445" actId="20577"/>
          <ac:spMkLst>
            <pc:docMk/>
            <pc:sldMk cId="3213808861" sldId="295"/>
            <ac:spMk id="4" creationId="{B3A5C8B3-50A9-D19A-87B1-8D591530F312}"/>
          </ac:spMkLst>
        </pc:spChg>
        <pc:graphicFrameChg chg="mod modGraphic">
          <ac:chgData name="Aasen, Christine" userId="dbe5c54a-0744-44d0-8d80-d4463b461808" providerId="ADAL" clId="{8DBDD5D5-2D89-4E5D-B7AF-4CDB3FE00AF4}" dt="2024-05-21T11:11:54.468" v="3735" actId="20577"/>
          <ac:graphicFrameMkLst>
            <pc:docMk/>
            <pc:sldMk cId="3213808861" sldId="295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18T08:11:26.392" v="1988" actId="47"/>
        <pc:sldMkLst>
          <pc:docMk/>
          <pc:sldMk cId="3283193095" sldId="296"/>
        </pc:sldMkLst>
        <pc:graphicFrameChg chg="modGraphic">
          <ac:chgData name="Aasen, Christine" userId="dbe5c54a-0744-44d0-8d80-d4463b461808" providerId="ADAL" clId="{8DBDD5D5-2D89-4E5D-B7AF-4CDB3FE00AF4}" dt="2024-04-08T13:59:50.431" v="845" actId="6549"/>
          <ac:graphicFrameMkLst>
            <pc:docMk/>
            <pc:sldMk cId="3283193095" sldId="296"/>
            <ac:graphicFrameMk id="2" creationId="{618363D7-5EDB-44C7-80E0-84CF75A84D29}"/>
          </ac:graphicFrameMkLst>
        </pc:graphicFrameChg>
      </pc:sldChg>
      <pc:sldChg chg="modSp add mod ord">
        <pc:chgData name="Aasen, Christine" userId="dbe5c54a-0744-44d0-8d80-d4463b461808" providerId="ADAL" clId="{8DBDD5D5-2D89-4E5D-B7AF-4CDB3FE00AF4}" dt="2024-04-29T09:54:19.135" v="2172" actId="113"/>
        <pc:sldMkLst>
          <pc:docMk/>
          <pc:sldMk cId="1647374472" sldId="297"/>
        </pc:sldMkLst>
        <pc:spChg chg="mod">
          <ac:chgData name="Aasen, Christine" userId="dbe5c54a-0744-44d0-8d80-d4463b461808" providerId="ADAL" clId="{8DBDD5D5-2D89-4E5D-B7AF-4CDB3FE00AF4}" dt="2024-04-29T09:54:19.135" v="2172" actId="113"/>
          <ac:spMkLst>
            <pc:docMk/>
            <pc:sldMk cId="1647374472" sldId="297"/>
            <ac:spMk id="10" creationId="{157D7CB1-754B-43B5-B7F6-8A97E2353771}"/>
          </ac:spMkLst>
        </pc:spChg>
        <pc:graphicFrameChg chg="mod">
          <ac:chgData name="Aasen, Christine" userId="dbe5c54a-0744-44d0-8d80-d4463b461808" providerId="ADAL" clId="{8DBDD5D5-2D89-4E5D-B7AF-4CDB3FE00AF4}" dt="2024-04-29T09:53:58.974" v="2171" actId="1036"/>
          <ac:graphicFrameMkLst>
            <pc:docMk/>
            <pc:sldMk cId="1647374472" sldId="297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16T14:08:46.151" v="1628" actId="2696"/>
        <pc:sldMkLst>
          <pc:docMk/>
          <pc:sldMk cId="3061304362" sldId="297"/>
        </pc:sldMkLst>
        <pc:spChg chg="mod">
          <ac:chgData name="Aasen, Christine" userId="dbe5c54a-0744-44d0-8d80-d4463b461808" providerId="ADAL" clId="{8DBDD5D5-2D89-4E5D-B7AF-4CDB3FE00AF4}" dt="2024-04-09T14:09:11.285" v="906" actId="113"/>
          <ac:spMkLst>
            <pc:docMk/>
            <pc:sldMk cId="3061304362" sldId="297"/>
            <ac:spMk id="10" creationId="{157D7CB1-754B-43B5-B7F6-8A97E2353771}"/>
          </ac:spMkLst>
        </pc:spChg>
        <pc:graphicFrameChg chg="modGraphic">
          <ac:chgData name="Aasen, Christine" userId="dbe5c54a-0744-44d0-8d80-d4463b461808" providerId="ADAL" clId="{8DBDD5D5-2D89-4E5D-B7AF-4CDB3FE00AF4}" dt="2024-04-12T12:10:27.829" v="1232" actId="2165"/>
          <ac:graphicFrameMkLst>
            <pc:docMk/>
            <pc:sldMk cId="3061304362" sldId="297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16T14:08:38.549" v="1625" actId="47"/>
        <pc:sldMkLst>
          <pc:docMk/>
          <pc:sldMk cId="2350025088" sldId="298"/>
        </pc:sldMkLst>
        <pc:spChg chg="mod">
          <ac:chgData name="Aasen, Christine" userId="dbe5c54a-0744-44d0-8d80-d4463b461808" providerId="ADAL" clId="{8DBDD5D5-2D89-4E5D-B7AF-4CDB3FE00AF4}" dt="2024-04-09T14:09:15.484" v="907"/>
          <ac:spMkLst>
            <pc:docMk/>
            <pc:sldMk cId="2350025088" sldId="298"/>
            <ac:spMk id="10" creationId="{157D7CB1-754B-43B5-B7F6-8A97E2353771}"/>
          </ac:spMkLst>
        </pc:spChg>
        <pc:graphicFrameChg chg="mod modGraphic">
          <ac:chgData name="Aasen, Christine" userId="dbe5c54a-0744-44d0-8d80-d4463b461808" providerId="ADAL" clId="{8DBDD5D5-2D89-4E5D-B7AF-4CDB3FE00AF4}" dt="2024-04-12T11:31:43.890" v="920"/>
          <ac:graphicFrameMkLst>
            <pc:docMk/>
            <pc:sldMk cId="2350025088" sldId="298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16T14:08:40.674" v="1626" actId="47"/>
        <pc:sldMkLst>
          <pc:docMk/>
          <pc:sldMk cId="3211420307" sldId="299"/>
        </pc:sldMkLst>
        <pc:spChg chg="mod">
          <ac:chgData name="Aasen, Christine" userId="dbe5c54a-0744-44d0-8d80-d4463b461808" providerId="ADAL" clId="{8DBDD5D5-2D89-4E5D-B7AF-4CDB3FE00AF4}" dt="2024-04-09T14:09:18.607" v="908"/>
          <ac:spMkLst>
            <pc:docMk/>
            <pc:sldMk cId="3211420307" sldId="299"/>
            <ac:spMk id="10" creationId="{157D7CB1-754B-43B5-B7F6-8A97E2353771}"/>
          </ac:spMkLst>
        </pc:spChg>
        <pc:graphicFrameChg chg="mod modGraphic">
          <ac:chgData name="Aasen, Christine" userId="dbe5c54a-0744-44d0-8d80-d4463b461808" providerId="ADAL" clId="{8DBDD5D5-2D89-4E5D-B7AF-4CDB3FE00AF4}" dt="2024-04-12T11:31:49.554" v="921"/>
          <ac:graphicFrameMkLst>
            <pc:docMk/>
            <pc:sldMk cId="3211420307" sldId="299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16T14:08:41.530" v="1627" actId="47"/>
        <pc:sldMkLst>
          <pc:docMk/>
          <pc:sldMk cId="682670889" sldId="300"/>
        </pc:sldMkLst>
        <pc:spChg chg="mod">
          <ac:chgData name="Aasen, Christine" userId="dbe5c54a-0744-44d0-8d80-d4463b461808" providerId="ADAL" clId="{8DBDD5D5-2D89-4E5D-B7AF-4CDB3FE00AF4}" dt="2024-04-09T14:09:21.813" v="909"/>
          <ac:spMkLst>
            <pc:docMk/>
            <pc:sldMk cId="682670889" sldId="300"/>
            <ac:spMk id="10" creationId="{157D7CB1-754B-43B5-B7F6-8A97E2353771}"/>
          </ac:spMkLst>
        </pc:spChg>
        <pc:graphicFrameChg chg="mod modGraphic">
          <ac:chgData name="Aasen, Christine" userId="dbe5c54a-0744-44d0-8d80-d4463b461808" providerId="ADAL" clId="{8DBDD5D5-2D89-4E5D-B7AF-4CDB3FE00AF4}" dt="2024-04-12T11:31:56.927" v="922"/>
          <ac:graphicFrameMkLst>
            <pc:docMk/>
            <pc:sldMk cId="682670889" sldId="300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17T13:38:04.455" v="1827" actId="47"/>
        <pc:sldMkLst>
          <pc:docMk/>
          <pc:sldMk cId="1752695087" sldId="301"/>
        </pc:sldMkLst>
        <pc:graphicFrameChg chg="mod modGraphic">
          <ac:chgData name="Aasen, Christine" userId="dbe5c54a-0744-44d0-8d80-d4463b461808" providerId="ADAL" clId="{8DBDD5D5-2D89-4E5D-B7AF-4CDB3FE00AF4}" dt="2024-04-16T14:38:41.129" v="1663"/>
          <ac:graphicFrameMkLst>
            <pc:docMk/>
            <pc:sldMk cId="1752695087" sldId="301"/>
            <ac:graphicFrameMk id="2" creationId="{618363D7-5EDB-44C7-80E0-84CF75A84D29}"/>
          </ac:graphicFrameMkLst>
        </pc:graphicFrameChg>
      </pc:sldChg>
      <pc:sldChg chg="del">
        <pc:chgData name="Aasen, Christine" userId="dbe5c54a-0744-44d0-8d80-d4463b461808" providerId="ADAL" clId="{8DBDD5D5-2D89-4E5D-B7AF-4CDB3FE00AF4}" dt="2024-04-16T14:10:47.600" v="1630" actId="47"/>
        <pc:sldMkLst>
          <pc:docMk/>
          <pc:sldMk cId="1216139880" sldId="302"/>
        </pc:sldMkLst>
      </pc:sldChg>
      <pc:sldChg chg="modSp del mod">
        <pc:chgData name="Aasen, Christine" userId="dbe5c54a-0744-44d0-8d80-d4463b461808" providerId="ADAL" clId="{8DBDD5D5-2D89-4E5D-B7AF-4CDB3FE00AF4}" dt="2024-04-16T14:10:47.600" v="1630" actId="47"/>
        <pc:sldMkLst>
          <pc:docMk/>
          <pc:sldMk cId="2019714965" sldId="303"/>
        </pc:sldMkLst>
        <pc:spChg chg="mod">
          <ac:chgData name="Aasen, Christine" userId="dbe5c54a-0744-44d0-8d80-d4463b461808" providerId="ADAL" clId="{8DBDD5D5-2D89-4E5D-B7AF-4CDB3FE00AF4}" dt="2024-04-09T14:07:34.332" v="858" actId="20577"/>
          <ac:spMkLst>
            <pc:docMk/>
            <pc:sldMk cId="2019714965" sldId="303"/>
            <ac:spMk id="10" creationId="{157D7CB1-754B-43B5-B7F6-8A97E2353771}"/>
          </ac:spMkLst>
        </pc:spChg>
        <pc:graphicFrameChg chg="mod">
          <ac:chgData name="Aasen, Christine" userId="dbe5c54a-0744-44d0-8d80-d4463b461808" providerId="ADAL" clId="{8DBDD5D5-2D89-4E5D-B7AF-4CDB3FE00AF4}" dt="2024-04-09T14:08:02.558" v="883"/>
          <ac:graphicFrameMkLst>
            <pc:docMk/>
            <pc:sldMk cId="2019714965" sldId="303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16T14:10:47.600" v="1630" actId="47"/>
        <pc:sldMkLst>
          <pc:docMk/>
          <pc:sldMk cId="41660573" sldId="304"/>
        </pc:sldMkLst>
        <pc:spChg chg="mod">
          <ac:chgData name="Aasen, Christine" userId="dbe5c54a-0744-44d0-8d80-d4463b461808" providerId="ADAL" clId="{8DBDD5D5-2D89-4E5D-B7AF-4CDB3FE00AF4}" dt="2024-04-09T14:07:42.610" v="873" actId="20577"/>
          <ac:spMkLst>
            <pc:docMk/>
            <pc:sldMk cId="41660573" sldId="304"/>
            <ac:spMk id="10" creationId="{157D7CB1-754B-43B5-B7F6-8A97E2353771}"/>
          </ac:spMkLst>
        </pc:spChg>
        <pc:graphicFrameChg chg="mod">
          <ac:chgData name="Aasen, Christine" userId="dbe5c54a-0744-44d0-8d80-d4463b461808" providerId="ADAL" clId="{8DBDD5D5-2D89-4E5D-B7AF-4CDB3FE00AF4}" dt="2024-04-09T14:08:09.959" v="884"/>
          <ac:graphicFrameMkLst>
            <pc:docMk/>
            <pc:sldMk cId="41660573" sldId="304"/>
            <ac:graphicFrameMk id="2" creationId="{618363D7-5EDB-44C7-80E0-84CF75A84D29}"/>
          </ac:graphicFrameMkLst>
        </pc:graphicFrameChg>
      </pc:sldChg>
      <pc:sldChg chg="modSp del mod">
        <pc:chgData name="Aasen, Christine" userId="dbe5c54a-0744-44d0-8d80-d4463b461808" providerId="ADAL" clId="{8DBDD5D5-2D89-4E5D-B7AF-4CDB3FE00AF4}" dt="2024-04-16T14:10:47.600" v="1630" actId="47"/>
        <pc:sldMkLst>
          <pc:docMk/>
          <pc:sldMk cId="822686303" sldId="305"/>
        </pc:sldMkLst>
        <pc:spChg chg="mod">
          <ac:chgData name="Aasen, Christine" userId="dbe5c54a-0744-44d0-8d80-d4463b461808" providerId="ADAL" clId="{8DBDD5D5-2D89-4E5D-B7AF-4CDB3FE00AF4}" dt="2024-04-09T14:07:48.547" v="882" actId="20577"/>
          <ac:spMkLst>
            <pc:docMk/>
            <pc:sldMk cId="822686303" sldId="305"/>
            <ac:spMk id="10" creationId="{157D7CB1-754B-43B5-B7F6-8A97E2353771}"/>
          </ac:spMkLst>
        </pc:spChg>
        <pc:graphicFrameChg chg="mod">
          <ac:chgData name="Aasen, Christine" userId="dbe5c54a-0744-44d0-8d80-d4463b461808" providerId="ADAL" clId="{8DBDD5D5-2D89-4E5D-B7AF-4CDB3FE00AF4}" dt="2024-04-09T14:08:15.672" v="885"/>
          <ac:graphicFrameMkLst>
            <pc:docMk/>
            <pc:sldMk cId="822686303" sldId="305"/>
            <ac:graphicFrameMk id="2" creationId="{618363D7-5EDB-44C7-80E0-84CF75A84D29}"/>
          </ac:graphicFrameMkLst>
        </pc:graphicFrameChg>
      </pc:sldChg>
      <pc:sldChg chg="modSp new mod">
        <pc:chgData name="Aasen, Christine" userId="dbe5c54a-0744-44d0-8d80-d4463b461808" providerId="ADAL" clId="{8DBDD5D5-2D89-4E5D-B7AF-4CDB3FE00AF4}" dt="2024-04-08T13:49:56.142" v="59" actId="20577"/>
        <pc:sldMkLst>
          <pc:docMk/>
          <pc:sldMk cId="1758456067" sldId="306"/>
        </pc:sldMkLst>
        <pc:spChg chg="mod">
          <ac:chgData name="Aasen, Christine" userId="dbe5c54a-0744-44d0-8d80-d4463b461808" providerId="ADAL" clId="{8DBDD5D5-2D89-4E5D-B7AF-4CDB3FE00AF4}" dt="2024-04-08T13:49:56.142" v="59" actId="20577"/>
          <ac:spMkLst>
            <pc:docMk/>
            <pc:sldMk cId="1758456067" sldId="306"/>
            <ac:spMk id="2" creationId="{7725DB03-6C3B-ADE1-61DE-EDDDD1F3D50D}"/>
          </ac:spMkLst>
        </pc:spChg>
      </pc:sldChg>
      <pc:sldChg chg="new del">
        <pc:chgData name="Aasen, Christine" userId="dbe5c54a-0744-44d0-8d80-d4463b461808" providerId="ADAL" clId="{8DBDD5D5-2D89-4E5D-B7AF-4CDB3FE00AF4}" dt="2024-04-08T13:49:30.032" v="25" actId="47"/>
        <pc:sldMkLst>
          <pc:docMk/>
          <pc:sldMk cId="3169825659" sldId="306"/>
        </pc:sldMkLst>
      </pc:sldChg>
      <pc:sldChg chg="new del">
        <pc:chgData name="Aasen, Christine" userId="dbe5c54a-0744-44d0-8d80-d4463b461808" providerId="ADAL" clId="{8DBDD5D5-2D89-4E5D-B7AF-4CDB3FE00AF4}" dt="2024-04-08T13:49:35.875" v="27" actId="680"/>
        <pc:sldMkLst>
          <pc:docMk/>
          <pc:sldMk cId="3477077895" sldId="306"/>
        </pc:sldMkLst>
      </pc:sldChg>
      <pc:sldChg chg="modSp new mod">
        <pc:chgData name="Aasen, Christine" userId="dbe5c54a-0744-44d0-8d80-d4463b461808" providerId="ADAL" clId="{8DBDD5D5-2D89-4E5D-B7AF-4CDB3FE00AF4}" dt="2024-05-16T11:24:28.118" v="3630" actId="113"/>
        <pc:sldMkLst>
          <pc:docMk/>
          <pc:sldMk cId="4065838149" sldId="307"/>
        </pc:sldMkLst>
        <pc:spChg chg="mod">
          <ac:chgData name="Aasen, Christine" userId="dbe5c54a-0744-44d0-8d80-d4463b461808" providerId="ADAL" clId="{8DBDD5D5-2D89-4E5D-B7AF-4CDB3FE00AF4}" dt="2024-05-16T11:24:28.118" v="3630" actId="113"/>
          <ac:spMkLst>
            <pc:docMk/>
            <pc:sldMk cId="4065838149" sldId="307"/>
            <ac:spMk id="3" creationId="{838592AC-9896-5C65-CBF0-CBB54D4EAB19}"/>
          </ac:spMkLst>
        </pc:spChg>
        <pc:spChg chg="mod">
          <ac:chgData name="Aasen, Christine" userId="dbe5c54a-0744-44d0-8d80-d4463b461808" providerId="ADAL" clId="{8DBDD5D5-2D89-4E5D-B7AF-4CDB3FE00AF4}" dt="2024-05-15T10:44:07.154" v="2667" actId="20577"/>
          <ac:spMkLst>
            <pc:docMk/>
            <pc:sldMk cId="4065838149" sldId="307"/>
            <ac:spMk id="5" creationId="{FC1E8ECE-CB79-980A-E1A3-99F002621F39}"/>
          </ac:spMkLst>
        </pc:spChg>
      </pc:sldChg>
      <pc:sldChg chg="modSp add del mod">
        <pc:chgData name="Aasen, Christine" userId="dbe5c54a-0744-44d0-8d80-d4463b461808" providerId="ADAL" clId="{8DBDD5D5-2D89-4E5D-B7AF-4CDB3FE00AF4}" dt="2024-04-17T13:38:04.455" v="1827" actId="47"/>
        <pc:sldMkLst>
          <pc:docMk/>
          <pc:sldMk cId="1065079680" sldId="308"/>
        </pc:sldMkLst>
        <pc:spChg chg="mod">
          <ac:chgData name="Aasen, Christine" userId="dbe5c54a-0744-44d0-8d80-d4463b461808" providerId="ADAL" clId="{8DBDD5D5-2D89-4E5D-B7AF-4CDB3FE00AF4}" dt="2024-04-17T13:11:14.195" v="1792" actId="20577"/>
          <ac:spMkLst>
            <pc:docMk/>
            <pc:sldMk cId="1065079680" sldId="308"/>
            <ac:spMk id="10" creationId="{157D7CB1-754B-43B5-B7F6-8A97E2353771}"/>
          </ac:spMkLst>
        </pc:spChg>
        <pc:graphicFrameChg chg="mod modGraphic">
          <ac:chgData name="Aasen, Christine" userId="dbe5c54a-0744-44d0-8d80-d4463b461808" providerId="ADAL" clId="{8DBDD5D5-2D89-4E5D-B7AF-4CDB3FE00AF4}" dt="2024-04-17T13:17:08.645" v="1823" actId="6549"/>
          <ac:graphicFrameMkLst>
            <pc:docMk/>
            <pc:sldMk cId="1065079680" sldId="308"/>
            <ac:graphicFrameMk id="2" creationId="{618363D7-5EDB-44C7-80E0-84CF75A84D29}"/>
          </ac:graphicFrameMkLst>
        </pc:graphicFrameChg>
      </pc:sldChg>
      <pc:sldChg chg="add del">
        <pc:chgData name="Aasen, Christine" userId="dbe5c54a-0744-44d0-8d80-d4463b461808" providerId="ADAL" clId="{8DBDD5D5-2D89-4E5D-B7AF-4CDB3FE00AF4}" dt="2024-04-16T14:38:22.038" v="1662"/>
        <pc:sldMkLst>
          <pc:docMk/>
          <pc:sldMk cId="2335373619" sldId="308"/>
        </pc:sldMkLst>
      </pc:sldChg>
      <pc:sldChg chg="add del">
        <pc:chgData name="Aasen, Christine" userId="dbe5c54a-0744-44d0-8d80-d4463b461808" providerId="ADAL" clId="{8DBDD5D5-2D89-4E5D-B7AF-4CDB3FE00AF4}" dt="2024-04-16T14:38:22.038" v="1662"/>
        <pc:sldMkLst>
          <pc:docMk/>
          <pc:sldMk cId="2479531619" sldId="309"/>
        </pc:sldMkLst>
      </pc:sldChg>
      <pc:sldChg chg="addSp delSp modSp add mod">
        <pc:chgData name="Aasen, Christine" userId="dbe5c54a-0744-44d0-8d80-d4463b461808" providerId="ADAL" clId="{8DBDD5D5-2D89-4E5D-B7AF-4CDB3FE00AF4}" dt="2024-05-16T11:52:14.233" v="3663" actId="20577"/>
        <pc:sldMkLst>
          <pc:docMk/>
          <pc:sldMk cId="3137655380" sldId="309"/>
        </pc:sldMkLst>
        <pc:spChg chg="del mod">
          <ac:chgData name="Aasen, Christine" userId="dbe5c54a-0744-44d0-8d80-d4463b461808" providerId="ADAL" clId="{8DBDD5D5-2D89-4E5D-B7AF-4CDB3FE00AF4}" dt="2024-05-15T11:14:12.134" v="3090" actId="478"/>
          <ac:spMkLst>
            <pc:docMk/>
            <pc:sldMk cId="3137655380" sldId="309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4-29T10:22:03.838" v="2288" actId="1076"/>
          <ac:spMkLst>
            <pc:docMk/>
            <pc:sldMk cId="3137655380" sldId="309"/>
            <ac:spMk id="4" creationId="{A5880B27-66C1-95C1-56CC-06F5B9956F2F}"/>
          </ac:spMkLst>
        </pc:spChg>
        <pc:spChg chg="add mod">
          <ac:chgData name="Aasen, Christine" userId="dbe5c54a-0744-44d0-8d80-d4463b461808" providerId="ADAL" clId="{8DBDD5D5-2D89-4E5D-B7AF-4CDB3FE00AF4}" dt="2024-05-15T11:31:37.368" v="3460" actId="20577"/>
          <ac:spMkLst>
            <pc:docMk/>
            <pc:sldMk cId="3137655380" sldId="309"/>
            <ac:spMk id="5" creationId="{524255C7-F9C0-5550-E3AA-9FCC07D11FD2}"/>
          </ac:spMkLst>
        </pc:spChg>
        <pc:graphicFrameChg chg="modGraphic">
          <ac:chgData name="Aasen, Christine" userId="dbe5c54a-0744-44d0-8d80-d4463b461808" providerId="ADAL" clId="{8DBDD5D5-2D89-4E5D-B7AF-4CDB3FE00AF4}" dt="2024-05-16T11:52:14.233" v="3663" actId="20577"/>
          <ac:graphicFrameMkLst>
            <pc:docMk/>
            <pc:sldMk cId="3137655380" sldId="309"/>
            <ac:graphicFrameMk id="2" creationId="{618363D7-5EDB-44C7-80E0-84CF75A84D29}"/>
          </ac:graphicFrameMkLst>
        </pc:graphicFrameChg>
      </pc:sldChg>
      <pc:sldChg chg="modSp add mod">
        <pc:chgData name="Aasen, Christine" userId="dbe5c54a-0744-44d0-8d80-d4463b461808" providerId="ADAL" clId="{8DBDD5D5-2D89-4E5D-B7AF-4CDB3FE00AF4}" dt="2024-05-16T11:52:31.146" v="3679" actId="20577"/>
        <pc:sldMkLst>
          <pc:docMk/>
          <pc:sldMk cId="185461207" sldId="310"/>
        </pc:sldMkLst>
        <pc:spChg chg="mod">
          <ac:chgData name="Aasen, Christine" userId="dbe5c54a-0744-44d0-8d80-d4463b461808" providerId="ADAL" clId="{8DBDD5D5-2D89-4E5D-B7AF-4CDB3FE00AF4}" dt="2024-05-15T11:31:46.713" v="3462" actId="20577"/>
          <ac:spMkLst>
            <pc:docMk/>
            <pc:sldMk cId="185461207" sldId="310"/>
            <ac:spMk id="3" creationId="{DF13A51C-ACDC-3132-FF18-7C6FBD8DC30F}"/>
          </ac:spMkLst>
        </pc:spChg>
        <pc:spChg chg="mod">
          <ac:chgData name="Aasen, Christine" userId="dbe5c54a-0744-44d0-8d80-d4463b461808" providerId="ADAL" clId="{8DBDD5D5-2D89-4E5D-B7AF-4CDB3FE00AF4}" dt="2024-04-17T13:38:14.937" v="1840" actId="20577"/>
          <ac:spMkLst>
            <pc:docMk/>
            <pc:sldMk cId="185461207" sldId="310"/>
            <ac:spMk id="10" creationId="{157D7CB1-754B-43B5-B7F6-8A97E2353771}"/>
          </ac:spMkLst>
        </pc:spChg>
        <pc:graphicFrameChg chg="mod modGraphic">
          <ac:chgData name="Aasen, Christine" userId="dbe5c54a-0744-44d0-8d80-d4463b461808" providerId="ADAL" clId="{8DBDD5D5-2D89-4E5D-B7AF-4CDB3FE00AF4}" dt="2024-05-16T11:52:31.146" v="3679" actId="20577"/>
          <ac:graphicFrameMkLst>
            <pc:docMk/>
            <pc:sldMk cId="185461207" sldId="310"/>
            <ac:graphicFrameMk id="2" creationId="{618363D7-5EDB-44C7-80E0-84CF75A84D29}"/>
          </ac:graphicFrameMkLst>
        </pc:graphicFrameChg>
      </pc:sldChg>
      <pc:sldChg chg="addSp delSp modSp add mod">
        <pc:chgData name="Aasen, Christine" userId="dbe5c54a-0744-44d0-8d80-d4463b461808" providerId="ADAL" clId="{8DBDD5D5-2D89-4E5D-B7AF-4CDB3FE00AF4}" dt="2024-05-15T11:25:46.070" v="3329" actId="20577"/>
        <pc:sldMkLst>
          <pc:docMk/>
          <pc:sldMk cId="841832457" sldId="311"/>
        </pc:sldMkLst>
        <pc:spChg chg="del mod">
          <ac:chgData name="Aasen, Christine" userId="dbe5c54a-0744-44d0-8d80-d4463b461808" providerId="ADAL" clId="{8DBDD5D5-2D89-4E5D-B7AF-4CDB3FE00AF4}" dt="2024-05-15T11:15:29.744" v="3130" actId="478"/>
          <ac:spMkLst>
            <pc:docMk/>
            <pc:sldMk cId="841832457" sldId="311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25:24.516" v="3323" actId="20577"/>
          <ac:spMkLst>
            <pc:docMk/>
            <pc:sldMk cId="841832457" sldId="311"/>
            <ac:spMk id="4" creationId="{3873F95F-6C71-BFDA-74FE-B315131F7025}"/>
          </ac:spMkLst>
        </pc:spChg>
        <pc:graphicFrameChg chg="mod modGraphic">
          <ac:chgData name="Aasen, Christine" userId="dbe5c54a-0744-44d0-8d80-d4463b461808" providerId="ADAL" clId="{8DBDD5D5-2D89-4E5D-B7AF-4CDB3FE00AF4}" dt="2024-05-15T11:25:46.070" v="3329" actId="20577"/>
          <ac:graphicFrameMkLst>
            <pc:docMk/>
            <pc:sldMk cId="841832457" sldId="311"/>
            <ac:graphicFrameMk id="2" creationId="{618363D7-5EDB-44C7-80E0-84CF75A84D29}"/>
          </ac:graphicFrameMkLst>
        </pc:graphicFrameChg>
      </pc:sldChg>
      <pc:sldChg chg="addSp delSp modSp add mod">
        <pc:chgData name="Aasen, Christine" userId="dbe5c54a-0744-44d0-8d80-d4463b461808" providerId="ADAL" clId="{8DBDD5D5-2D89-4E5D-B7AF-4CDB3FE00AF4}" dt="2024-05-29T10:36:01.840" v="3911" actId="20577"/>
        <pc:sldMkLst>
          <pc:docMk/>
          <pc:sldMk cId="3804347462" sldId="312"/>
        </pc:sldMkLst>
        <pc:spChg chg="del mod">
          <ac:chgData name="Aasen, Christine" userId="dbe5c54a-0744-44d0-8d80-d4463b461808" providerId="ADAL" clId="{8DBDD5D5-2D89-4E5D-B7AF-4CDB3FE00AF4}" dt="2024-05-15T11:14:18.052" v="3092" actId="478"/>
          <ac:spMkLst>
            <pc:docMk/>
            <pc:sldMk cId="3804347462" sldId="312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31:22.527" v="3458" actId="20577"/>
          <ac:spMkLst>
            <pc:docMk/>
            <pc:sldMk cId="3804347462" sldId="312"/>
            <ac:spMk id="4" creationId="{89BB8AD4-14E5-F99D-F837-4B577D3410D6}"/>
          </ac:spMkLst>
        </pc:spChg>
        <pc:graphicFrameChg chg="mod modGraphic">
          <ac:chgData name="Aasen, Christine" userId="dbe5c54a-0744-44d0-8d80-d4463b461808" providerId="ADAL" clId="{8DBDD5D5-2D89-4E5D-B7AF-4CDB3FE00AF4}" dt="2024-05-29T10:36:01.840" v="3911" actId="20577"/>
          <ac:graphicFrameMkLst>
            <pc:docMk/>
            <pc:sldMk cId="3804347462" sldId="312"/>
            <ac:graphicFrameMk id="2" creationId="{618363D7-5EDB-44C7-80E0-84CF75A84D29}"/>
          </ac:graphicFrameMkLst>
        </pc:graphicFrameChg>
      </pc:sldChg>
      <pc:sldChg chg="addSp delSp modSp add del mod">
        <pc:chgData name="Aasen, Christine" userId="dbe5c54a-0744-44d0-8d80-d4463b461808" providerId="ADAL" clId="{8DBDD5D5-2D89-4E5D-B7AF-4CDB3FE00AF4}" dt="2024-05-29T10:32:11.770" v="3827" actId="47"/>
        <pc:sldMkLst>
          <pc:docMk/>
          <pc:sldMk cId="1701549290" sldId="313"/>
        </pc:sldMkLst>
        <pc:spChg chg="del mod">
          <ac:chgData name="Aasen, Christine" userId="dbe5c54a-0744-44d0-8d80-d4463b461808" providerId="ADAL" clId="{8DBDD5D5-2D89-4E5D-B7AF-4CDB3FE00AF4}" dt="2024-05-15T11:18:08.304" v="3179" actId="478"/>
          <ac:spMkLst>
            <pc:docMk/>
            <pc:sldMk cId="1701549290" sldId="313"/>
            <ac:spMk id="3" creationId="{DF13A51C-ACDC-3132-FF18-7C6FBD8DC30F}"/>
          </ac:spMkLst>
        </pc:spChg>
        <pc:spChg chg="add mod ord">
          <ac:chgData name="Aasen, Christine" userId="dbe5c54a-0744-44d0-8d80-d4463b461808" providerId="ADAL" clId="{8DBDD5D5-2D89-4E5D-B7AF-4CDB3FE00AF4}" dt="2024-05-15T11:14:38.626" v="3098" actId="167"/>
          <ac:spMkLst>
            <pc:docMk/>
            <pc:sldMk cId="1701549290" sldId="313"/>
            <ac:spMk id="4" creationId="{28220978-E7D6-AB77-B393-026ECE8BDB4B}"/>
          </ac:spMkLst>
        </pc:spChg>
        <pc:graphicFrameChg chg="mod modGraphic">
          <ac:chgData name="Aasen, Christine" userId="dbe5c54a-0744-44d0-8d80-d4463b461808" providerId="ADAL" clId="{8DBDD5D5-2D89-4E5D-B7AF-4CDB3FE00AF4}" dt="2024-05-15T11:30:38.944" v="3442" actId="20577"/>
          <ac:graphicFrameMkLst>
            <pc:docMk/>
            <pc:sldMk cId="1701549290" sldId="313"/>
            <ac:graphicFrameMk id="2" creationId="{618363D7-5EDB-44C7-80E0-84CF75A84D29}"/>
          </ac:graphicFrameMkLst>
        </pc:graphicFrameChg>
      </pc:sldChg>
      <pc:sldChg chg="addSp delSp modSp mod">
        <pc:chgData name="Aasen, Christine" userId="dbe5c54a-0744-44d0-8d80-d4463b461808" providerId="ADAL" clId="{8DBDD5D5-2D89-4E5D-B7AF-4CDB3FE00AF4}" dt="2024-05-15T11:28:41.551" v="3391" actId="20577"/>
        <pc:sldMkLst>
          <pc:docMk/>
          <pc:sldMk cId="344046983" sldId="314"/>
        </pc:sldMkLst>
        <pc:spChg chg="del mod">
          <ac:chgData name="Aasen, Christine" userId="dbe5c54a-0744-44d0-8d80-d4463b461808" providerId="ADAL" clId="{8DBDD5D5-2D89-4E5D-B7AF-4CDB3FE00AF4}" dt="2024-05-15T11:15:15.675" v="3124" actId="478"/>
          <ac:spMkLst>
            <pc:docMk/>
            <pc:sldMk cId="344046983" sldId="314"/>
            <ac:spMk id="3" creationId="{DF13A51C-ACDC-3132-FF18-7C6FBD8DC30F}"/>
          </ac:spMkLst>
        </pc:spChg>
        <pc:spChg chg="add mod">
          <ac:chgData name="Aasen, Christine" userId="dbe5c54a-0744-44d0-8d80-d4463b461808" providerId="ADAL" clId="{8DBDD5D5-2D89-4E5D-B7AF-4CDB3FE00AF4}" dt="2024-05-15T11:28:36.137" v="3390" actId="20577"/>
          <ac:spMkLst>
            <pc:docMk/>
            <pc:sldMk cId="344046983" sldId="314"/>
            <ac:spMk id="4" creationId="{B65E65FB-8AA5-65AC-DC13-FC48034C7BC3}"/>
          </ac:spMkLst>
        </pc:spChg>
        <pc:spChg chg="add del">
          <ac:chgData name="Aasen, Christine" userId="dbe5c54a-0744-44d0-8d80-d4463b461808" providerId="ADAL" clId="{8DBDD5D5-2D89-4E5D-B7AF-4CDB3FE00AF4}" dt="2024-04-22T08:51:58.923" v="2041" actId="22"/>
          <ac:spMkLst>
            <pc:docMk/>
            <pc:sldMk cId="344046983" sldId="314"/>
            <ac:spMk id="5" creationId="{F9F3DA42-6160-BD2E-054B-953E5A56943D}"/>
          </ac:spMkLst>
        </pc:spChg>
        <pc:spChg chg="add del">
          <ac:chgData name="Aasen, Christine" userId="dbe5c54a-0744-44d0-8d80-d4463b461808" providerId="ADAL" clId="{8DBDD5D5-2D89-4E5D-B7AF-4CDB3FE00AF4}" dt="2024-04-22T08:52:28.005" v="2045" actId="22"/>
          <ac:spMkLst>
            <pc:docMk/>
            <pc:sldMk cId="344046983" sldId="314"/>
            <ac:spMk id="7" creationId="{EDE722DD-0D70-5BAD-88C1-1F658E37232A}"/>
          </ac:spMkLst>
        </pc:spChg>
        <pc:graphicFrameChg chg="modGraphic">
          <ac:chgData name="Aasen, Christine" userId="dbe5c54a-0744-44d0-8d80-d4463b461808" providerId="ADAL" clId="{8DBDD5D5-2D89-4E5D-B7AF-4CDB3FE00AF4}" dt="2024-05-15T11:28:41.551" v="3391" actId="20577"/>
          <ac:graphicFrameMkLst>
            <pc:docMk/>
            <pc:sldMk cId="344046983" sldId="314"/>
            <ac:graphicFrameMk id="2" creationId="{618363D7-5EDB-44C7-80E0-84CF75A84D29}"/>
          </ac:graphicFrameMkLst>
        </pc:graphicFrameChg>
        <pc:graphicFrameChg chg="add del">
          <ac:chgData name="Aasen, Christine" userId="dbe5c54a-0744-44d0-8d80-d4463b461808" providerId="ADAL" clId="{8DBDD5D5-2D89-4E5D-B7AF-4CDB3FE00AF4}" dt="2024-05-02T14:15:38.703" v="2382"/>
          <ac:graphicFrameMkLst>
            <pc:docMk/>
            <pc:sldMk cId="344046983" sldId="314"/>
            <ac:graphicFrameMk id="4" creationId="{34F50005-25C0-D7CC-C127-C977AA282E4B}"/>
          </ac:graphicFrameMkLst>
        </pc:graphicFrameChg>
      </pc:sldChg>
      <pc:sldChg chg="addSp modSp add mod">
        <pc:chgData name="Aasen, Christine" userId="dbe5c54a-0744-44d0-8d80-d4463b461808" providerId="ADAL" clId="{8DBDD5D5-2D89-4E5D-B7AF-4CDB3FE00AF4}" dt="2024-05-15T11:33:24.163" v="3521" actId="6549"/>
        <pc:sldMkLst>
          <pc:docMk/>
          <pc:sldMk cId="1717375003" sldId="315"/>
        </pc:sldMkLst>
        <pc:spChg chg="add mod ord">
          <ac:chgData name="Aasen, Christine" userId="dbe5c54a-0744-44d0-8d80-d4463b461808" providerId="ADAL" clId="{8DBDD5D5-2D89-4E5D-B7AF-4CDB3FE00AF4}" dt="2024-05-15T11:16:52.422" v="3167" actId="167"/>
          <ac:spMkLst>
            <pc:docMk/>
            <pc:sldMk cId="1717375003" sldId="315"/>
            <ac:spMk id="3" creationId="{75F75163-7924-7AD4-D592-A9DA26B52767}"/>
          </ac:spMkLst>
        </pc:spChg>
        <pc:spChg chg="mod">
          <ac:chgData name="Aasen, Christine" userId="dbe5c54a-0744-44d0-8d80-d4463b461808" providerId="ADAL" clId="{8DBDD5D5-2D89-4E5D-B7AF-4CDB3FE00AF4}" dt="2024-04-30T08:18:17.326" v="2304" actId="20577"/>
          <ac:spMkLst>
            <pc:docMk/>
            <pc:sldMk cId="1717375003" sldId="315"/>
            <ac:spMk id="10" creationId="{157D7CB1-754B-43B5-B7F6-8A97E2353771}"/>
          </ac:spMkLst>
        </pc:spChg>
        <pc:graphicFrameChg chg="mod modGraphic">
          <ac:chgData name="Aasen, Christine" userId="dbe5c54a-0744-44d0-8d80-d4463b461808" providerId="ADAL" clId="{8DBDD5D5-2D89-4E5D-B7AF-4CDB3FE00AF4}" dt="2024-05-15T11:33:24.163" v="3521" actId="6549"/>
          <ac:graphicFrameMkLst>
            <pc:docMk/>
            <pc:sldMk cId="1717375003" sldId="315"/>
            <ac:graphicFrameMk id="2" creationId="{618363D7-5EDB-44C7-80E0-84CF75A84D29}"/>
          </ac:graphicFrameMkLst>
        </pc:graphicFrameChg>
      </pc:sldChg>
      <pc:sldChg chg="addSp delSp modSp add del mod">
        <pc:chgData name="Aasen, Christine" userId="dbe5c54a-0744-44d0-8d80-d4463b461808" providerId="ADAL" clId="{8DBDD5D5-2D89-4E5D-B7AF-4CDB3FE00AF4}" dt="2024-04-29T09:52:48.877" v="2113" actId="47"/>
        <pc:sldMkLst>
          <pc:docMk/>
          <pc:sldMk cId="2795075491" sldId="315"/>
        </pc:sldMkLst>
        <pc:spChg chg="mod">
          <ac:chgData name="Aasen, Christine" userId="dbe5c54a-0744-44d0-8d80-d4463b461808" providerId="ADAL" clId="{8DBDD5D5-2D89-4E5D-B7AF-4CDB3FE00AF4}" dt="2024-04-29T08:55:30.028" v="2104" actId="1076"/>
          <ac:spMkLst>
            <pc:docMk/>
            <pc:sldMk cId="2795075491" sldId="315"/>
            <ac:spMk id="3" creationId="{DF13A51C-ACDC-3132-FF18-7C6FBD8DC30F}"/>
          </ac:spMkLst>
        </pc:spChg>
        <pc:spChg chg="add del mod">
          <ac:chgData name="Aasen, Christine" userId="dbe5c54a-0744-44d0-8d80-d4463b461808" providerId="ADAL" clId="{8DBDD5D5-2D89-4E5D-B7AF-4CDB3FE00AF4}" dt="2024-04-22T08:57:24.003" v="2051" actId="478"/>
          <ac:spMkLst>
            <pc:docMk/>
            <pc:sldMk cId="2795075491" sldId="315"/>
            <ac:spMk id="6" creationId="{7C845D55-C242-2636-C009-B83B0CBB34B4}"/>
          </ac:spMkLst>
        </pc:spChg>
        <pc:graphicFrameChg chg="del mod modGraphic">
          <ac:chgData name="Aasen, Christine" userId="dbe5c54a-0744-44d0-8d80-d4463b461808" providerId="ADAL" clId="{8DBDD5D5-2D89-4E5D-B7AF-4CDB3FE00AF4}" dt="2024-04-22T08:57:11.763" v="2050" actId="478"/>
          <ac:graphicFrameMkLst>
            <pc:docMk/>
            <pc:sldMk cId="2795075491" sldId="315"/>
            <ac:graphicFrameMk id="2" creationId="{618363D7-5EDB-44C7-80E0-84CF75A84D29}"/>
          </ac:graphicFrameMkLst>
        </pc:graphicFrameChg>
        <pc:graphicFrameChg chg="mod modGraphic">
          <ac:chgData name="Aasen, Christine" userId="dbe5c54a-0744-44d0-8d80-d4463b461808" providerId="ADAL" clId="{8DBDD5D5-2D89-4E5D-B7AF-4CDB3FE00AF4}" dt="2024-04-29T08:55:20.607" v="2103" actId="14734"/>
          <ac:graphicFrameMkLst>
            <pc:docMk/>
            <pc:sldMk cId="2795075491" sldId="315"/>
            <ac:graphicFrameMk id="4" creationId="{178CF8F6-7965-7F6A-5271-D43672FA2011}"/>
          </ac:graphicFrameMkLst>
        </pc:graphicFrameChg>
      </pc:sldChg>
      <pc:sldChg chg="addSp modSp add mod">
        <pc:chgData name="Aasen, Christine" userId="dbe5c54a-0744-44d0-8d80-d4463b461808" providerId="ADAL" clId="{8DBDD5D5-2D89-4E5D-B7AF-4CDB3FE00AF4}" dt="2024-05-15T11:33:58.396" v="3538" actId="20577"/>
        <pc:sldMkLst>
          <pc:docMk/>
          <pc:sldMk cId="2708725093" sldId="316"/>
        </pc:sldMkLst>
        <pc:spChg chg="add mod ord">
          <ac:chgData name="Aasen, Christine" userId="dbe5c54a-0744-44d0-8d80-d4463b461808" providerId="ADAL" clId="{8DBDD5D5-2D89-4E5D-B7AF-4CDB3FE00AF4}" dt="2024-05-15T11:16:41.571" v="3165" actId="167"/>
          <ac:spMkLst>
            <pc:docMk/>
            <pc:sldMk cId="2708725093" sldId="316"/>
            <ac:spMk id="3" creationId="{42777154-C627-D09B-2928-5666637F0F0A}"/>
          </ac:spMkLst>
        </pc:spChg>
        <pc:spChg chg="mod">
          <ac:chgData name="Aasen, Christine" userId="dbe5c54a-0744-44d0-8d80-d4463b461808" providerId="ADAL" clId="{8DBDD5D5-2D89-4E5D-B7AF-4CDB3FE00AF4}" dt="2024-04-30T08:19:03.227" v="2316" actId="113"/>
          <ac:spMkLst>
            <pc:docMk/>
            <pc:sldMk cId="2708725093" sldId="316"/>
            <ac:spMk id="10" creationId="{157D7CB1-754B-43B5-B7F6-8A97E2353771}"/>
          </ac:spMkLst>
        </pc:spChg>
        <pc:graphicFrameChg chg="mod modGraphic">
          <ac:chgData name="Aasen, Christine" userId="dbe5c54a-0744-44d0-8d80-d4463b461808" providerId="ADAL" clId="{8DBDD5D5-2D89-4E5D-B7AF-4CDB3FE00AF4}" dt="2024-05-15T11:33:58.396" v="3538" actId="20577"/>
          <ac:graphicFrameMkLst>
            <pc:docMk/>
            <pc:sldMk cId="2708725093" sldId="316"/>
            <ac:graphicFrameMk id="2" creationId="{618363D7-5EDB-44C7-80E0-84CF75A84D29}"/>
          </ac:graphicFrameMkLst>
        </pc:graphicFrameChg>
      </pc:sldChg>
      <pc:sldChg chg="modSp mod">
        <pc:chgData name="Aasen, Christine" userId="dbe5c54a-0744-44d0-8d80-d4463b461808" providerId="ADAL" clId="{8DBDD5D5-2D89-4E5D-B7AF-4CDB3FE00AF4}" dt="2024-05-29T10:39:54.084" v="3927" actId="20577"/>
        <pc:sldMkLst>
          <pc:docMk/>
          <pc:sldMk cId="616313910" sldId="317"/>
        </pc:sldMkLst>
        <pc:spChg chg="mod">
          <ac:chgData name="Aasen, Christine" userId="dbe5c54a-0744-44d0-8d80-d4463b461808" providerId="ADAL" clId="{8DBDD5D5-2D89-4E5D-B7AF-4CDB3FE00AF4}" dt="2024-05-29T10:39:54.084" v="3927" actId="20577"/>
          <ac:spMkLst>
            <pc:docMk/>
            <pc:sldMk cId="616313910" sldId="317"/>
            <ac:spMk id="14" creationId="{08DCB1AC-DE8E-A5A4-C9A5-457557BA4F5F}"/>
          </ac:spMkLst>
        </pc:spChg>
      </pc:sldChg>
      <pc:sldChg chg="modSp mod">
        <pc:chgData name="Aasen, Christine" userId="dbe5c54a-0744-44d0-8d80-d4463b461808" providerId="ADAL" clId="{8DBDD5D5-2D89-4E5D-B7AF-4CDB3FE00AF4}" dt="2024-05-29T11:04:24.116" v="3963" actId="2711"/>
        <pc:sldMkLst>
          <pc:docMk/>
          <pc:sldMk cId="3834785320" sldId="318"/>
        </pc:sldMkLst>
        <pc:spChg chg="mod">
          <ac:chgData name="Aasen, Christine" userId="dbe5c54a-0744-44d0-8d80-d4463b461808" providerId="ADAL" clId="{8DBDD5D5-2D89-4E5D-B7AF-4CDB3FE00AF4}" dt="2024-05-29T10:39:17.457" v="3919" actId="20577"/>
          <ac:spMkLst>
            <pc:docMk/>
            <pc:sldMk cId="3834785320" sldId="318"/>
            <ac:spMk id="10" creationId="{157D7CB1-754B-43B5-B7F6-8A97E2353771}"/>
          </ac:spMkLst>
        </pc:spChg>
        <pc:graphicFrameChg chg="modGraphic">
          <ac:chgData name="Aasen, Christine" userId="dbe5c54a-0744-44d0-8d80-d4463b461808" providerId="ADAL" clId="{8DBDD5D5-2D89-4E5D-B7AF-4CDB3FE00AF4}" dt="2024-05-29T11:04:24.116" v="3963" actId="2711"/>
          <ac:graphicFrameMkLst>
            <pc:docMk/>
            <pc:sldMk cId="3834785320" sldId="318"/>
            <ac:graphicFrameMk id="2" creationId="{618363D7-5EDB-44C7-80E0-84CF75A84D29}"/>
          </ac:graphicFrameMkLst>
        </pc:graphicFrameChg>
      </pc:sldChg>
    </pc:docChg>
  </pc:docChgLst>
  <pc:docChgLst>
    <pc:chgData name="Aasen, Christine" userId="dbe5c54a-0744-44d0-8d80-d4463b461808" providerId="ADAL" clId="{5A970408-C4D6-4AC6-9338-18BA4C20274A}"/>
    <pc:docChg chg="undo custSel addSld delSld modSld">
      <pc:chgData name="Aasen, Christine" userId="dbe5c54a-0744-44d0-8d80-d4463b461808" providerId="ADAL" clId="{5A970408-C4D6-4AC6-9338-18BA4C20274A}" dt="2024-10-30T08:53:37.165" v="527" actId="931"/>
      <pc:docMkLst>
        <pc:docMk/>
      </pc:docMkLst>
      <pc:sldChg chg="del">
        <pc:chgData name="Aasen, Christine" userId="dbe5c54a-0744-44d0-8d80-d4463b461808" providerId="ADAL" clId="{5A970408-C4D6-4AC6-9338-18BA4C20274A}" dt="2024-10-17T12:58:49.220" v="71" actId="47"/>
        <pc:sldMkLst>
          <pc:docMk/>
          <pc:sldMk cId="1913429146" sldId="257"/>
        </pc:sldMkLst>
      </pc:sldChg>
      <pc:sldChg chg="del">
        <pc:chgData name="Aasen, Christine" userId="dbe5c54a-0744-44d0-8d80-d4463b461808" providerId="ADAL" clId="{5A970408-C4D6-4AC6-9338-18BA4C20274A}" dt="2024-10-17T12:58:49.220" v="71" actId="47"/>
        <pc:sldMkLst>
          <pc:docMk/>
          <pc:sldMk cId="2614242997" sldId="259"/>
        </pc:sldMkLst>
      </pc:sldChg>
      <pc:sldChg chg="del">
        <pc:chgData name="Aasen, Christine" userId="dbe5c54a-0744-44d0-8d80-d4463b461808" providerId="ADAL" clId="{5A970408-C4D6-4AC6-9338-18BA4C20274A}" dt="2024-10-17T12:58:49.220" v="71" actId="47"/>
        <pc:sldMkLst>
          <pc:docMk/>
          <pc:sldMk cId="2439962397" sldId="260"/>
        </pc:sldMkLst>
      </pc:sldChg>
      <pc:sldChg chg="del">
        <pc:chgData name="Aasen, Christine" userId="dbe5c54a-0744-44d0-8d80-d4463b461808" providerId="ADAL" clId="{5A970408-C4D6-4AC6-9338-18BA4C20274A}" dt="2024-10-17T12:58:49.220" v="71" actId="47"/>
        <pc:sldMkLst>
          <pc:docMk/>
          <pc:sldMk cId="362688116" sldId="262"/>
        </pc:sldMkLst>
      </pc:sldChg>
      <pc:sldChg chg="del">
        <pc:chgData name="Aasen, Christine" userId="dbe5c54a-0744-44d0-8d80-d4463b461808" providerId="ADAL" clId="{5A970408-C4D6-4AC6-9338-18BA4C20274A}" dt="2024-10-17T12:58:49.220" v="71" actId="47"/>
        <pc:sldMkLst>
          <pc:docMk/>
          <pc:sldMk cId="2925158676" sldId="263"/>
        </pc:sldMkLst>
      </pc:sldChg>
      <pc:sldChg chg="del">
        <pc:chgData name="Aasen, Christine" userId="dbe5c54a-0744-44d0-8d80-d4463b461808" providerId="ADAL" clId="{5A970408-C4D6-4AC6-9338-18BA4C20274A}" dt="2024-10-17T12:58:49.220" v="71" actId="47"/>
        <pc:sldMkLst>
          <pc:docMk/>
          <pc:sldMk cId="2291502270" sldId="264"/>
        </pc:sldMkLst>
      </pc:sldChg>
      <pc:sldChg chg="modSp mod">
        <pc:chgData name="Aasen, Christine" userId="dbe5c54a-0744-44d0-8d80-d4463b461808" providerId="ADAL" clId="{5A970408-C4D6-4AC6-9338-18BA4C20274A}" dt="2024-10-17T13:49:48.424" v="148" actId="20577"/>
        <pc:sldMkLst>
          <pc:docMk/>
          <pc:sldMk cId="933264032" sldId="265"/>
        </pc:sldMkLst>
        <pc:spChg chg="mod">
          <ac:chgData name="Aasen, Christine" userId="dbe5c54a-0744-44d0-8d80-d4463b461808" providerId="ADAL" clId="{5A970408-C4D6-4AC6-9338-18BA4C20274A}" dt="2024-10-17T12:56:16.252" v="9" actId="20577"/>
          <ac:spMkLst>
            <pc:docMk/>
            <pc:sldMk cId="933264032" sldId="265"/>
            <ac:spMk id="2" creationId="{01F9B32D-30C7-F9E8-B954-74CB998E735A}"/>
          </ac:spMkLst>
        </pc:spChg>
        <pc:spChg chg="mod">
          <ac:chgData name="Aasen, Christine" userId="dbe5c54a-0744-44d0-8d80-d4463b461808" providerId="ADAL" clId="{5A970408-C4D6-4AC6-9338-18BA4C20274A}" dt="2024-10-17T13:49:48.424" v="148" actId="20577"/>
          <ac:spMkLst>
            <pc:docMk/>
            <pc:sldMk cId="933264032" sldId="265"/>
            <ac:spMk id="3" creationId="{977F4C09-C575-2F48-4635-0C290897F3D1}"/>
          </ac:spMkLst>
        </pc:spChg>
      </pc:sldChg>
      <pc:sldChg chg="del">
        <pc:chgData name="Aasen, Christine" userId="dbe5c54a-0744-44d0-8d80-d4463b461808" providerId="ADAL" clId="{5A970408-C4D6-4AC6-9338-18BA4C20274A}" dt="2024-10-17T12:56:49.336" v="11" actId="47"/>
        <pc:sldMkLst>
          <pc:docMk/>
          <pc:sldMk cId="2096990319" sldId="266"/>
        </pc:sldMkLst>
      </pc:sldChg>
      <pc:sldChg chg="del">
        <pc:chgData name="Aasen, Christine" userId="dbe5c54a-0744-44d0-8d80-d4463b461808" providerId="ADAL" clId="{5A970408-C4D6-4AC6-9338-18BA4C20274A}" dt="2024-10-17T12:58:44.844" v="70" actId="47"/>
        <pc:sldMkLst>
          <pc:docMk/>
          <pc:sldMk cId="4010992658" sldId="268"/>
        </pc:sldMkLst>
      </pc:sldChg>
      <pc:sldChg chg="del">
        <pc:chgData name="Aasen, Christine" userId="dbe5c54a-0744-44d0-8d80-d4463b461808" providerId="ADAL" clId="{5A970408-C4D6-4AC6-9338-18BA4C20274A}" dt="2024-10-17T12:57:36.430" v="55" actId="47"/>
        <pc:sldMkLst>
          <pc:docMk/>
          <pc:sldMk cId="4263342422" sldId="270"/>
        </pc:sldMkLst>
      </pc:sldChg>
      <pc:sldChg chg="del">
        <pc:chgData name="Aasen, Christine" userId="dbe5c54a-0744-44d0-8d80-d4463b461808" providerId="ADAL" clId="{5A970408-C4D6-4AC6-9338-18BA4C20274A}" dt="2024-10-17T12:57:40.118" v="57" actId="47"/>
        <pc:sldMkLst>
          <pc:docMk/>
          <pc:sldMk cId="3760125117" sldId="282"/>
        </pc:sldMkLst>
      </pc:sldChg>
      <pc:sldChg chg="del">
        <pc:chgData name="Aasen, Christine" userId="dbe5c54a-0744-44d0-8d80-d4463b461808" providerId="ADAL" clId="{5A970408-C4D6-4AC6-9338-18BA4C20274A}" dt="2024-10-17T12:57:43.209" v="59" actId="47"/>
        <pc:sldMkLst>
          <pc:docMk/>
          <pc:sldMk cId="3066624666" sldId="283"/>
        </pc:sldMkLst>
      </pc:sldChg>
      <pc:sldChg chg="del">
        <pc:chgData name="Aasen, Christine" userId="dbe5c54a-0744-44d0-8d80-d4463b461808" providerId="ADAL" clId="{5A970408-C4D6-4AC6-9338-18BA4C20274A}" dt="2024-10-17T12:57:49.478" v="60" actId="47"/>
        <pc:sldMkLst>
          <pc:docMk/>
          <pc:sldMk cId="4289255194" sldId="286"/>
        </pc:sldMkLst>
      </pc:sldChg>
      <pc:sldChg chg="del">
        <pc:chgData name="Aasen, Christine" userId="dbe5c54a-0744-44d0-8d80-d4463b461808" providerId="ADAL" clId="{5A970408-C4D6-4AC6-9338-18BA4C20274A}" dt="2024-10-17T12:57:51.028" v="61" actId="47"/>
        <pc:sldMkLst>
          <pc:docMk/>
          <pc:sldMk cId="326338655" sldId="287"/>
        </pc:sldMkLst>
      </pc:sldChg>
      <pc:sldChg chg="del">
        <pc:chgData name="Aasen, Christine" userId="dbe5c54a-0744-44d0-8d80-d4463b461808" providerId="ADAL" clId="{5A970408-C4D6-4AC6-9338-18BA4C20274A}" dt="2024-10-17T12:57:55.128" v="62" actId="47"/>
        <pc:sldMkLst>
          <pc:docMk/>
          <pc:sldMk cId="3690727680" sldId="288"/>
        </pc:sldMkLst>
      </pc:sldChg>
      <pc:sldChg chg="del">
        <pc:chgData name="Aasen, Christine" userId="dbe5c54a-0744-44d0-8d80-d4463b461808" providerId="ADAL" clId="{5A970408-C4D6-4AC6-9338-18BA4C20274A}" dt="2024-10-17T12:57:58.387" v="63" actId="47"/>
        <pc:sldMkLst>
          <pc:docMk/>
          <pc:sldMk cId="2936136048" sldId="290"/>
        </pc:sldMkLst>
      </pc:sldChg>
      <pc:sldChg chg="del">
        <pc:chgData name="Aasen, Christine" userId="dbe5c54a-0744-44d0-8d80-d4463b461808" providerId="ADAL" clId="{5A970408-C4D6-4AC6-9338-18BA4C20274A}" dt="2024-10-17T12:58:01.947" v="65" actId="47"/>
        <pc:sldMkLst>
          <pc:docMk/>
          <pc:sldMk cId="1902811518" sldId="292"/>
        </pc:sldMkLst>
      </pc:sldChg>
      <pc:sldChg chg="del">
        <pc:chgData name="Aasen, Christine" userId="dbe5c54a-0744-44d0-8d80-d4463b461808" providerId="ADAL" clId="{5A970408-C4D6-4AC6-9338-18BA4C20274A}" dt="2024-10-17T12:58:09.527" v="66" actId="47"/>
        <pc:sldMkLst>
          <pc:docMk/>
          <pc:sldMk cId="2135389" sldId="294"/>
        </pc:sldMkLst>
      </pc:sldChg>
      <pc:sldChg chg="del">
        <pc:chgData name="Aasen, Christine" userId="dbe5c54a-0744-44d0-8d80-d4463b461808" providerId="ADAL" clId="{5A970408-C4D6-4AC6-9338-18BA4C20274A}" dt="2024-10-17T12:58:10.486" v="67" actId="47"/>
        <pc:sldMkLst>
          <pc:docMk/>
          <pc:sldMk cId="3213808861" sldId="295"/>
        </pc:sldMkLst>
      </pc:sldChg>
      <pc:sldChg chg="del">
        <pc:chgData name="Aasen, Christine" userId="dbe5c54a-0744-44d0-8d80-d4463b461808" providerId="ADAL" clId="{5A970408-C4D6-4AC6-9338-18BA4C20274A}" dt="2024-10-17T12:58:49.220" v="71" actId="47"/>
        <pc:sldMkLst>
          <pc:docMk/>
          <pc:sldMk cId="1647374472" sldId="297"/>
        </pc:sldMkLst>
      </pc:sldChg>
      <pc:sldChg chg="del">
        <pc:chgData name="Aasen, Christine" userId="dbe5c54a-0744-44d0-8d80-d4463b461808" providerId="ADAL" clId="{5A970408-C4D6-4AC6-9338-18BA4C20274A}" dt="2024-10-17T12:56:38.527" v="10" actId="47"/>
        <pc:sldMkLst>
          <pc:docMk/>
          <pc:sldMk cId="1758456067" sldId="306"/>
        </pc:sldMkLst>
      </pc:sldChg>
      <pc:sldChg chg="addSp delSp modSp mod">
        <pc:chgData name="Aasen, Christine" userId="dbe5c54a-0744-44d0-8d80-d4463b461808" providerId="ADAL" clId="{5A970408-C4D6-4AC6-9338-18BA4C20274A}" dt="2024-10-30T08:53:37.165" v="527" actId="931"/>
        <pc:sldMkLst>
          <pc:docMk/>
          <pc:sldMk cId="4065838149" sldId="307"/>
        </pc:sldMkLst>
        <pc:spChg chg="del">
          <ac:chgData name="Aasen, Christine" userId="dbe5c54a-0744-44d0-8d80-d4463b461808" providerId="ADAL" clId="{5A970408-C4D6-4AC6-9338-18BA4C20274A}" dt="2024-10-30T08:53:37.165" v="527" actId="931"/>
          <ac:spMkLst>
            <pc:docMk/>
            <pc:sldMk cId="4065838149" sldId="307"/>
            <ac:spMk id="2" creationId="{94223C49-8F0D-1941-864B-ADF7D5C5B2CD}"/>
          </ac:spMkLst>
        </pc:spChg>
        <pc:spChg chg="mod">
          <ac:chgData name="Aasen, Christine" userId="dbe5c54a-0744-44d0-8d80-d4463b461808" providerId="ADAL" clId="{5A970408-C4D6-4AC6-9338-18BA4C20274A}" dt="2024-10-17T12:59:32.466" v="142" actId="20577"/>
          <ac:spMkLst>
            <pc:docMk/>
            <pc:sldMk cId="4065838149" sldId="307"/>
            <ac:spMk id="3" creationId="{838592AC-9896-5C65-CBF0-CBB54D4EAB19}"/>
          </ac:spMkLst>
        </pc:spChg>
        <pc:spChg chg="mod">
          <ac:chgData name="Aasen, Christine" userId="dbe5c54a-0744-44d0-8d80-d4463b461808" providerId="ADAL" clId="{5A970408-C4D6-4AC6-9338-18BA4C20274A}" dt="2024-10-17T12:57:16.264" v="54" actId="20577"/>
          <ac:spMkLst>
            <pc:docMk/>
            <pc:sldMk cId="4065838149" sldId="307"/>
            <ac:spMk id="5" creationId="{FC1E8ECE-CB79-980A-E1A3-99F002621F39}"/>
          </ac:spMkLst>
        </pc:spChg>
        <pc:picChg chg="add mod">
          <ac:chgData name="Aasen, Christine" userId="dbe5c54a-0744-44d0-8d80-d4463b461808" providerId="ADAL" clId="{5A970408-C4D6-4AC6-9338-18BA4C20274A}" dt="2024-10-30T08:53:37.165" v="527" actId="931"/>
          <ac:picMkLst>
            <pc:docMk/>
            <pc:sldMk cId="4065838149" sldId="307"/>
            <ac:picMk id="10" creationId="{3186337B-B177-9BD9-231B-2AD15094C498}"/>
          </ac:picMkLst>
        </pc:picChg>
      </pc:sldChg>
      <pc:sldChg chg="delSp mod">
        <pc:chgData name="Aasen, Christine" userId="dbe5c54a-0744-44d0-8d80-d4463b461808" providerId="ADAL" clId="{5A970408-C4D6-4AC6-9338-18BA4C20274A}" dt="2024-10-17T12:59:04.240" v="72" actId="478"/>
        <pc:sldMkLst>
          <pc:docMk/>
          <pc:sldMk cId="3137655380" sldId="309"/>
        </pc:sldMkLst>
        <pc:spChg chg="del">
          <ac:chgData name="Aasen, Christine" userId="dbe5c54a-0744-44d0-8d80-d4463b461808" providerId="ADAL" clId="{5A970408-C4D6-4AC6-9338-18BA4C20274A}" dt="2024-10-17T12:59:04.240" v="72" actId="478"/>
          <ac:spMkLst>
            <pc:docMk/>
            <pc:sldMk cId="3137655380" sldId="309"/>
            <ac:spMk id="4" creationId="{A5880B27-66C1-95C1-56CC-06F5B9956F2F}"/>
          </ac:spMkLst>
        </pc:spChg>
      </pc:sldChg>
      <pc:sldChg chg="del">
        <pc:chgData name="Aasen, Christine" userId="dbe5c54a-0744-44d0-8d80-d4463b461808" providerId="ADAL" clId="{5A970408-C4D6-4AC6-9338-18BA4C20274A}" dt="2024-10-17T12:58:17.856" v="69" actId="47"/>
        <pc:sldMkLst>
          <pc:docMk/>
          <pc:sldMk cId="185461207" sldId="310"/>
        </pc:sldMkLst>
      </pc:sldChg>
      <pc:sldChg chg="del">
        <pc:chgData name="Aasen, Christine" userId="dbe5c54a-0744-44d0-8d80-d4463b461808" providerId="ADAL" clId="{5A970408-C4D6-4AC6-9338-18BA4C20274A}" dt="2024-10-17T12:57:59.902" v="64" actId="47"/>
        <pc:sldMkLst>
          <pc:docMk/>
          <pc:sldMk cId="841832457" sldId="311"/>
        </pc:sldMkLst>
      </pc:sldChg>
      <pc:sldChg chg="del">
        <pc:chgData name="Aasen, Christine" userId="dbe5c54a-0744-44d0-8d80-d4463b461808" providerId="ADAL" clId="{5A970408-C4D6-4AC6-9338-18BA4C20274A}" dt="2024-10-17T12:58:11.726" v="68" actId="47"/>
        <pc:sldMkLst>
          <pc:docMk/>
          <pc:sldMk cId="3804347462" sldId="312"/>
        </pc:sldMkLst>
      </pc:sldChg>
      <pc:sldChg chg="del">
        <pc:chgData name="Aasen, Christine" userId="dbe5c54a-0744-44d0-8d80-d4463b461808" providerId="ADAL" clId="{5A970408-C4D6-4AC6-9338-18BA4C20274A}" dt="2024-10-17T12:57:41.505" v="58" actId="47"/>
        <pc:sldMkLst>
          <pc:docMk/>
          <pc:sldMk cId="616313910" sldId="317"/>
        </pc:sldMkLst>
      </pc:sldChg>
      <pc:sldChg chg="del">
        <pc:chgData name="Aasen, Christine" userId="dbe5c54a-0744-44d0-8d80-d4463b461808" providerId="ADAL" clId="{5A970408-C4D6-4AC6-9338-18BA4C20274A}" dt="2024-10-17T12:57:37.715" v="56" actId="47"/>
        <pc:sldMkLst>
          <pc:docMk/>
          <pc:sldMk cId="3834785320" sldId="318"/>
        </pc:sldMkLst>
      </pc:sldChg>
      <pc:sldChg chg="modSp add mod">
        <pc:chgData name="Aasen, Christine" userId="dbe5c54a-0744-44d0-8d80-d4463b461808" providerId="ADAL" clId="{5A970408-C4D6-4AC6-9338-18BA4C20274A}" dt="2024-10-30T08:50:26.867" v="526" actId="20577"/>
        <pc:sldMkLst>
          <pc:docMk/>
          <pc:sldMk cId="1379811980" sldId="2147376378"/>
        </pc:sldMkLst>
        <pc:spChg chg="mod">
          <ac:chgData name="Aasen, Christine" userId="dbe5c54a-0744-44d0-8d80-d4463b461808" providerId="ADAL" clId="{5A970408-C4D6-4AC6-9338-18BA4C20274A}" dt="2024-10-30T08:44:43.903" v="163" actId="20577"/>
          <ac:spMkLst>
            <pc:docMk/>
            <pc:sldMk cId="1379811980" sldId="2147376378"/>
            <ac:spMk id="2" creationId="{ACA62274-0691-8864-A3C5-92963973EC3A}"/>
          </ac:spMkLst>
        </pc:spChg>
        <pc:spChg chg="mod">
          <ac:chgData name="Aasen, Christine" userId="dbe5c54a-0744-44d0-8d80-d4463b461808" providerId="ADAL" clId="{5A970408-C4D6-4AC6-9338-18BA4C20274A}" dt="2024-10-30T08:50:26.867" v="526" actId="20577"/>
          <ac:spMkLst>
            <pc:docMk/>
            <pc:sldMk cId="1379811980" sldId="2147376378"/>
            <ac:spMk id="3" creationId="{BC6BF2CC-2BED-3C40-99EE-8C443EE89ADD}"/>
          </ac:spMkLst>
        </pc:spChg>
      </pc:sldChg>
    </pc:docChg>
  </pc:docChgLst>
  <pc:docChgLst>
    <pc:chgData name="Varpe, Anssi" userId="d2c2b995-0c24-447a-a7c2-873c396b4266" providerId="ADAL" clId="{EB289FE5-658E-4CF5-AEEF-28516E4DE628}"/>
    <pc:docChg chg="modSld">
      <pc:chgData name="Varpe, Anssi" userId="d2c2b995-0c24-447a-a7c2-873c396b4266" providerId="ADAL" clId="{EB289FE5-658E-4CF5-AEEF-28516E4DE628}" dt="2024-04-29T13:06:54.472" v="140" actId="20577"/>
      <pc:docMkLst>
        <pc:docMk/>
      </pc:docMkLst>
      <pc:sldChg chg="modSp mod">
        <pc:chgData name="Varpe, Anssi" userId="d2c2b995-0c24-447a-a7c2-873c396b4266" providerId="ADAL" clId="{EB289FE5-658E-4CF5-AEEF-28516E4DE628}" dt="2024-04-29T13:06:54.472" v="140" actId="20577"/>
        <pc:sldMkLst>
          <pc:docMk/>
          <pc:sldMk cId="326338655" sldId="287"/>
        </pc:sldMkLst>
        <pc:graphicFrameChg chg="mod modGraphic">
          <ac:chgData name="Varpe, Anssi" userId="d2c2b995-0c24-447a-a7c2-873c396b4266" providerId="ADAL" clId="{EB289FE5-658E-4CF5-AEEF-28516E4DE628}" dt="2024-04-29T13:06:54.472" v="140" actId="20577"/>
          <ac:graphicFrameMkLst>
            <pc:docMk/>
            <pc:sldMk cId="326338655" sldId="287"/>
            <ac:graphicFrameMk id="2" creationId="{618363D7-5EDB-44C7-80E0-84CF75A84D29}"/>
          </ac:graphicFrameMkLst>
        </pc:graphicFrameChg>
      </pc:sldChg>
    </pc:docChg>
  </pc:docChgLst>
  <pc:docChgLst>
    <pc:chgData name="Jakonen, Joni" userId="ff6067f1-de79-4a03-be51-e9ca827a542a" providerId="ADAL" clId="{FD0C3C3C-5AA4-4734-8C7E-C0BC012F4D4D}"/>
    <pc:docChg chg="custSel addSld modSld">
      <pc:chgData name="Jakonen, Joni" userId="ff6067f1-de79-4a03-be51-e9ca827a542a" providerId="ADAL" clId="{FD0C3C3C-5AA4-4734-8C7E-C0BC012F4D4D}" dt="2024-05-17T05:42:55.582" v="566" actId="14100"/>
      <pc:docMkLst>
        <pc:docMk/>
      </pc:docMkLst>
      <pc:sldChg chg="modSp mod">
        <pc:chgData name="Jakonen, Joni" userId="ff6067f1-de79-4a03-be51-e9ca827a542a" providerId="ADAL" clId="{FD0C3C3C-5AA4-4734-8C7E-C0BC012F4D4D}" dt="2024-05-17T05:42:55.582" v="566" actId="14100"/>
        <pc:sldMkLst>
          <pc:docMk/>
          <pc:sldMk cId="3760125117" sldId="282"/>
        </pc:sldMkLst>
        <pc:spChg chg="mod">
          <ac:chgData name="Jakonen, Joni" userId="ff6067f1-de79-4a03-be51-e9ca827a542a" providerId="ADAL" clId="{FD0C3C3C-5AA4-4734-8C7E-C0BC012F4D4D}" dt="2024-05-17T05:42:50.223" v="565" actId="1076"/>
          <ac:spMkLst>
            <pc:docMk/>
            <pc:sldMk cId="3760125117" sldId="282"/>
            <ac:spMk id="4" creationId="{95193A10-A6A5-F8F2-11BC-D9E9B495BA7E}"/>
          </ac:spMkLst>
        </pc:spChg>
        <pc:spChg chg="mod">
          <ac:chgData name="Jakonen, Joni" userId="ff6067f1-de79-4a03-be51-e9ca827a542a" providerId="ADAL" clId="{FD0C3C3C-5AA4-4734-8C7E-C0BC012F4D4D}" dt="2024-05-17T05:40:09.442" v="377" actId="20577"/>
          <ac:spMkLst>
            <pc:docMk/>
            <pc:sldMk cId="3760125117" sldId="282"/>
            <ac:spMk id="10" creationId="{157D7CB1-754B-43B5-B7F6-8A97E2353771}"/>
          </ac:spMkLst>
        </pc:spChg>
        <pc:graphicFrameChg chg="mod modGraphic">
          <ac:chgData name="Jakonen, Joni" userId="ff6067f1-de79-4a03-be51-e9ca827a542a" providerId="ADAL" clId="{FD0C3C3C-5AA4-4734-8C7E-C0BC012F4D4D}" dt="2024-05-17T05:42:55.582" v="566" actId="14100"/>
          <ac:graphicFrameMkLst>
            <pc:docMk/>
            <pc:sldMk cId="3760125117" sldId="282"/>
            <ac:graphicFrameMk id="2" creationId="{618363D7-5EDB-44C7-80E0-84CF75A84D29}"/>
          </ac:graphicFrameMkLst>
        </pc:graphicFrameChg>
      </pc:sldChg>
      <pc:sldChg chg="addSp delSp modSp new mod">
        <pc:chgData name="Jakonen, Joni" userId="ff6067f1-de79-4a03-be51-e9ca827a542a" providerId="ADAL" clId="{FD0C3C3C-5AA4-4734-8C7E-C0BC012F4D4D}" dt="2024-05-17T05:40:28.942" v="380" actId="14100"/>
        <pc:sldMkLst>
          <pc:docMk/>
          <pc:sldMk cId="616313910" sldId="317"/>
        </pc:sldMkLst>
        <pc:spChg chg="del">
          <ac:chgData name="Jakonen, Joni" userId="ff6067f1-de79-4a03-be51-e9ca827a542a" providerId="ADAL" clId="{FD0C3C3C-5AA4-4734-8C7E-C0BC012F4D4D}" dt="2024-05-17T05:28:15.751" v="31" actId="478"/>
          <ac:spMkLst>
            <pc:docMk/>
            <pc:sldMk cId="616313910" sldId="317"/>
            <ac:spMk id="2" creationId="{F3E9EBCA-1ADB-0983-0EF3-FF77450B34EF}"/>
          </ac:spMkLst>
        </pc:spChg>
        <pc:spChg chg="del">
          <ac:chgData name="Jakonen, Joni" userId="ff6067f1-de79-4a03-be51-e9ca827a542a" providerId="ADAL" clId="{FD0C3C3C-5AA4-4734-8C7E-C0BC012F4D4D}" dt="2024-05-17T05:26:05.559" v="1" actId="478"/>
          <ac:spMkLst>
            <pc:docMk/>
            <pc:sldMk cId="616313910" sldId="317"/>
            <ac:spMk id="3" creationId="{28ED72D5-8AA4-5346-C5E6-599EBE3253D9}"/>
          </ac:spMkLst>
        </pc:spChg>
        <pc:spChg chg="add del mod">
          <ac:chgData name="Jakonen, Joni" userId="ff6067f1-de79-4a03-be51-e9ca827a542a" providerId="ADAL" clId="{FD0C3C3C-5AA4-4734-8C7E-C0BC012F4D4D}" dt="2024-05-17T05:27:39.524" v="25" actId="478"/>
          <ac:spMkLst>
            <pc:docMk/>
            <pc:sldMk cId="616313910" sldId="317"/>
            <ac:spMk id="9" creationId="{E607150B-9BF8-A3DE-8BA3-7E23FEA62040}"/>
          </ac:spMkLst>
        </pc:spChg>
        <pc:spChg chg="add del mod">
          <ac:chgData name="Jakonen, Joni" userId="ff6067f1-de79-4a03-be51-e9ca827a542a" providerId="ADAL" clId="{FD0C3C3C-5AA4-4734-8C7E-C0BC012F4D4D}" dt="2024-05-17T05:28:10.827" v="30" actId="478"/>
          <ac:spMkLst>
            <pc:docMk/>
            <pc:sldMk cId="616313910" sldId="317"/>
            <ac:spMk id="12" creationId="{41DBE49B-1CC9-5325-45A5-D417805430EC}"/>
          </ac:spMkLst>
        </pc:spChg>
        <pc:spChg chg="add mod">
          <ac:chgData name="Jakonen, Joni" userId="ff6067f1-de79-4a03-be51-e9ca827a542a" providerId="ADAL" clId="{FD0C3C3C-5AA4-4734-8C7E-C0BC012F4D4D}" dt="2024-05-17T05:40:28.942" v="380" actId="14100"/>
          <ac:spMkLst>
            <pc:docMk/>
            <pc:sldMk cId="616313910" sldId="317"/>
            <ac:spMk id="14" creationId="{08DCB1AC-DE8E-A5A4-C9A5-457557BA4F5F}"/>
          </ac:spMkLst>
        </pc:spChg>
        <pc:graphicFrameChg chg="add del mod modGraphic">
          <ac:chgData name="Jakonen, Joni" userId="ff6067f1-de79-4a03-be51-e9ca827a542a" providerId="ADAL" clId="{FD0C3C3C-5AA4-4734-8C7E-C0BC012F4D4D}" dt="2024-05-17T05:27:23.787" v="24" actId="478"/>
          <ac:graphicFrameMkLst>
            <pc:docMk/>
            <pc:sldMk cId="616313910" sldId="317"/>
            <ac:graphicFrameMk id="7" creationId="{53726DEE-3A00-9DF8-D968-63CD4C7FD26D}"/>
          </ac:graphicFrameMkLst>
        </pc:graphicFrameChg>
        <pc:graphicFrameChg chg="add del mod modGraphic">
          <ac:chgData name="Jakonen, Joni" userId="ff6067f1-de79-4a03-be51-e9ca827a542a" providerId="ADAL" clId="{FD0C3C3C-5AA4-4734-8C7E-C0BC012F4D4D}" dt="2024-05-17T05:27:55.631" v="29" actId="478"/>
          <ac:graphicFrameMkLst>
            <pc:docMk/>
            <pc:sldMk cId="616313910" sldId="317"/>
            <ac:graphicFrameMk id="10" creationId="{EACFD158-E6FA-7D18-BE03-028045ACFDE0}"/>
          </ac:graphicFrameMkLst>
        </pc:graphicFrameChg>
        <pc:graphicFrameChg chg="add mod modGraphic">
          <ac:chgData name="Jakonen, Joni" userId="ff6067f1-de79-4a03-be51-e9ca827a542a" providerId="ADAL" clId="{FD0C3C3C-5AA4-4734-8C7E-C0BC012F4D4D}" dt="2024-05-17T05:40:22.544" v="378" actId="1076"/>
          <ac:graphicFrameMkLst>
            <pc:docMk/>
            <pc:sldMk cId="616313910" sldId="317"/>
            <ac:graphicFrameMk id="13" creationId="{DD7AC521-EB88-F838-2E0E-5B3089C157F3}"/>
          </ac:graphicFrameMkLst>
        </pc:graphicFrameChg>
      </pc:sldChg>
    </pc:docChg>
  </pc:docChgLst>
  <pc:docChgLst>
    <pc:chgData name="Sara Berglund" userId="92f3cc0f-1bfb-4c3d-828f-a6d68a4177a3" providerId="ADAL" clId="{5E9D9BFF-D66E-4174-9DDF-01DC8E12C790}"/>
    <pc:docChg chg="modSld">
      <pc:chgData name="Sara Berglund" userId="92f3cc0f-1bfb-4c3d-828f-a6d68a4177a3" providerId="ADAL" clId="{5E9D9BFF-D66E-4174-9DDF-01DC8E12C790}" dt="2024-04-19T08:18:38.923" v="29" actId="20577"/>
      <pc:docMkLst>
        <pc:docMk/>
      </pc:docMkLst>
      <pc:sldChg chg="modSp mod">
        <pc:chgData name="Sara Berglund" userId="92f3cc0f-1bfb-4c3d-828f-a6d68a4177a3" providerId="ADAL" clId="{5E9D9BFF-D66E-4174-9DDF-01DC8E12C790}" dt="2024-04-19T08:18:38.923" v="29" actId="20577"/>
        <pc:sldMkLst>
          <pc:docMk/>
          <pc:sldMk cId="4289255194" sldId="286"/>
        </pc:sldMkLst>
        <pc:graphicFrameChg chg="modGraphic">
          <ac:chgData name="Sara Berglund" userId="92f3cc0f-1bfb-4c3d-828f-a6d68a4177a3" providerId="ADAL" clId="{5E9D9BFF-D66E-4174-9DDF-01DC8E12C790}" dt="2024-04-19T08:18:38.923" v="29" actId="20577"/>
          <ac:graphicFrameMkLst>
            <pc:docMk/>
            <pc:sldMk cId="4289255194" sldId="286"/>
            <ac:graphicFrameMk id="2" creationId="{618363D7-5EDB-44C7-80E0-84CF75A84D29}"/>
          </ac:graphicFrameMkLst>
        </pc:graphicFrame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30/10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30/10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1.png"/><Relationship Id="rId11" Type="http://schemas.openxmlformats.org/officeDocument/2006/relationships/image" Target="../media/image16.png"/><Relationship Id="rId5" Type="http://schemas.openxmlformats.org/officeDocument/2006/relationships/image" Target="../media/image10.png"/><Relationship Id="rId10" Type="http://schemas.openxmlformats.org/officeDocument/2006/relationships/image" Target="../media/image15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rintColorDark">
            <a:extLst>
              <a:ext uri="{FF2B5EF4-FFF2-40B4-BE49-F238E27FC236}">
                <a16:creationId xmlns:a16="http://schemas.microsoft.com/office/drawing/2014/main" id="{4B94E73F-4CD8-4C53-AF73-82ABEBEE1C27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8E0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 userDrawn="1">
            <p:ph type="ctrTitle"/>
          </p:nvPr>
        </p:nvSpPr>
        <p:spPr>
          <a:xfrm>
            <a:off x="431800" y="2032000"/>
            <a:ext cx="11328400" cy="1290172"/>
          </a:xfrm>
        </p:spPr>
        <p:txBody>
          <a:bodyPr anchor="b"/>
          <a:lstStyle>
            <a:lvl1pPr algn="ctr">
              <a:lnSpc>
                <a:spcPts val="6600"/>
              </a:lnSpc>
              <a:defRPr sz="5400">
                <a:solidFill>
                  <a:schemeClr val="tx1"/>
                </a:solidFill>
                <a:latin typeface="If Sans Thin" panose="000003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 userDrawn="1">
            <p:ph type="subTitle" idx="1"/>
          </p:nvPr>
        </p:nvSpPr>
        <p:spPr>
          <a:xfrm>
            <a:off x="431800" y="3382708"/>
            <a:ext cx="11328399" cy="423207"/>
          </a:xfrm>
        </p:spPr>
        <p:txBody>
          <a:bodyPr/>
          <a:lstStyle>
            <a:lvl1pPr marL="0" indent="0" algn="ctr">
              <a:lnSpc>
                <a:spcPts val="36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3000">
                <a:solidFill>
                  <a:schemeClr val="tx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/>
            </a:lvl2pPr>
            <a:lvl3pPr marL="0" indent="0" algn="l">
              <a:buFont typeface="Arial" panose="020B0604020202020204" pitchFamily="34" charset="0"/>
              <a:buChar char="​"/>
              <a:defRPr sz="2000"/>
            </a:lvl3pPr>
            <a:lvl4pPr marL="0" indent="0" algn="l">
              <a:buFont typeface="Arial" panose="020B0604020202020204" pitchFamily="34" charset="0"/>
              <a:buChar char="​"/>
              <a:defRPr sz="2000"/>
            </a:lvl4pPr>
            <a:lvl5pPr marL="0" indent="0" algn="l">
              <a:buFont typeface="Arial" panose="020B0604020202020204" pitchFamily="34" charset="0"/>
              <a:buChar char="​"/>
              <a:defRPr sz="2000"/>
            </a:lvl5pPr>
            <a:lvl6pPr marL="0" indent="0" algn="l">
              <a:buFont typeface="Arial" panose="020B0604020202020204" pitchFamily="34" charset="0"/>
              <a:buChar char="​"/>
              <a:defRPr sz="2000"/>
            </a:lvl6pPr>
            <a:lvl7pPr marL="0" indent="0" algn="l">
              <a:buFont typeface="Arial" panose="020B0604020202020204" pitchFamily="34" charset="0"/>
              <a:buChar char="​"/>
              <a:defRPr sz="2000"/>
            </a:lvl7pPr>
            <a:lvl8pPr marL="0" indent="0" algn="l">
              <a:buFont typeface="Arial" panose="020B0604020202020204" pitchFamily="34" charset="0"/>
              <a:buChar char="​"/>
              <a:defRPr sz="2000"/>
            </a:lvl8pPr>
            <a:lvl9pPr marL="0" indent="0" algn="l"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EB62E69E-B11A-4BB5-BE9E-1F7911EFB1A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31800" y="4364610"/>
            <a:ext cx="11328400" cy="490194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/>
                </a:solidFill>
              </a:defRPr>
            </a:lvl1pPr>
            <a:lvl2pPr marL="216000" indent="0">
              <a:buNone/>
              <a:defRPr/>
            </a:lvl2pPr>
          </a:lstStyle>
          <a:p>
            <a:pPr lvl="0"/>
            <a:r>
              <a:rPr lang="en-GB"/>
              <a:t>Click to add name and date, month year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93C59F74-C35A-4E5B-83E7-7BC5AC943D2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56000" y="5275489"/>
            <a:ext cx="1080000" cy="1070441"/>
          </a:xfrm>
          <a:prstGeom prst="rect">
            <a:avLst/>
          </a:prstGeom>
        </p:spPr>
      </p:pic>
      <p:sp>
        <p:nvSpPr>
          <p:cNvPr id="17" name="Date Placeholder 3" hidden="1">
            <a:extLst>
              <a:ext uri="{FF2B5EF4-FFF2-40B4-BE49-F238E27FC236}">
                <a16:creationId xmlns:a16="http://schemas.microsoft.com/office/drawing/2014/main" id="{8840A153-D0F1-4CB7-97CE-79AD2D0FAA5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8" name="Footer Placeholder 4" hidden="1">
            <a:extLst>
              <a:ext uri="{FF2B5EF4-FFF2-40B4-BE49-F238E27FC236}">
                <a16:creationId xmlns:a16="http://schemas.microsoft.com/office/drawing/2014/main" id="{DD810D1C-163C-448A-9E7D-191EC5AB2F0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2358EC68-84F4-4A25-B162-8FE272DA299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page picture and title right">
    <p:bg>
      <p:bgPr>
        <a:solidFill>
          <a:srgbClr val="E8E0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rintColorDark">
            <a:extLst>
              <a:ext uri="{FF2B5EF4-FFF2-40B4-BE49-F238E27FC236}">
                <a16:creationId xmlns:a16="http://schemas.microsoft.com/office/drawing/2014/main" id="{9E0AF730-6184-4F2D-91F2-0147E4478DAF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8E0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68B9A85E-13C0-461A-9181-2B144B7D311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096000" cy="6858000"/>
          </a:xfrm>
          <a:noFill/>
        </p:spPr>
        <p:txBody>
          <a:bodyPr lIns="72000" tIns="72000" anchor="t" anchorCtr="0"/>
          <a:lstStyle>
            <a:lvl1pPr marL="0" indent="0" algn="l">
              <a:buNone/>
              <a:defRPr sz="1600"/>
            </a:lvl1pPr>
          </a:lstStyle>
          <a:p>
            <a:r>
              <a:rPr lang="en-GB" noProof="0"/>
              <a:t>Select this image object and insert a new image from Templafy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96A8CF5-E8FA-4504-A76A-6DAD75C59B8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26113" y="1465200"/>
            <a:ext cx="5232400" cy="3711440"/>
          </a:xfrm>
        </p:spPr>
        <p:txBody>
          <a:bodyPr anchor="ctr" anchorCtr="0"/>
          <a:lstStyle>
            <a:lvl1pPr>
              <a:lnSpc>
                <a:spcPts val="6600"/>
              </a:lnSpc>
              <a:defRPr sz="5400">
                <a:latin typeface="If Sans Thin" panose="00000300000000000000" pitchFamily="2" charset="0"/>
              </a:defRPr>
            </a:lvl1pPr>
          </a:lstStyle>
          <a:p>
            <a:r>
              <a:rPr lang="en-GB" noProof="0"/>
              <a:t>Click to add text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BE53DA92-5189-4709-A5FF-78116F3ED01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79938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  <p15:guide id="2" pos="4108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31999" y="1684800"/>
            <a:ext cx="5448099" cy="4395824"/>
          </a:xfrm>
        </p:spPr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11900" y="1684800"/>
            <a:ext cx="5448100" cy="43862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892BC597-524B-453A-83CC-5EB1A77641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FFA2A336-FB34-44B9-B817-78AF4C96499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95024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06" userDrawn="1">
          <p15:clr>
            <a:srgbClr val="FBAE40"/>
          </p15:clr>
        </p15:guide>
        <p15:guide id="2" pos="3975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324000" indent="-324000">
              <a:lnSpc>
                <a:spcPct val="100000"/>
              </a:lnSpc>
              <a:defRPr sz="2600"/>
            </a:lvl1pPr>
            <a:lvl2pPr marL="576000">
              <a:lnSpc>
                <a:spcPct val="100000"/>
              </a:lnSpc>
              <a:defRPr sz="2600"/>
            </a:lvl2pPr>
            <a:lvl3pPr marL="792000">
              <a:lnSpc>
                <a:spcPct val="100000"/>
              </a:lnSpc>
              <a:defRPr sz="2600"/>
            </a:lvl3pPr>
            <a:lvl4pPr>
              <a:lnSpc>
                <a:spcPct val="100000"/>
              </a:lnSpc>
              <a:defRPr sz="2600"/>
            </a:lvl4pPr>
            <a:lvl5pPr>
              <a:lnSpc>
                <a:spcPct val="100000"/>
              </a:lnSpc>
              <a:defRPr sz="2600"/>
            </a:lvl5pPr>
            <a:lvl9pPr>
              <a:lnSpc>
                <a:spcPts val="1800"/>
              </a:lnSpc>
              <a:defRPr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881DDAA9-E6AA-4671-A489-F69F87A658A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9838E665-CE2D-4967-A376-BDD4FB0B9CB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1040D44B-55DE-4CA9-A4D2-A6CE7FD4FE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rintColorDark">
            <a:extLst>
              <a:ext uri="{FF2B5EF4-FFF2-40B4-BE49-F238E27FC236}">
                <a16:creationId xmlns:a16="http://schemas.microsoft.com/office/drawing/2014/main" id="{43C5C1D6-BCEF-4B53-A698-D3D3F6D024E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8E0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10" name="PrintColorMiddel">
            <a:extLst>
              <a:ext uri="{FF2B5EF4-FFF2-40B4-BE49-F238E27FC236}">
                <a16:creationId xmlns:a16="http://schemas.microsoft.com/office/drawing/2014/main" id="{0C740B35-71F3-4790-B268-4C4852B08EC2}"/>
              </a:ext>
            </a:extLst>
          </p:cNvPr>
          <p:cNvSpPr/>
          <p:nvPr userDrawn="1"/>
        </p:nvSpPr>
        <p:spPr>
          <a:xfrm>
            <a:off x="0" y="1370601"/>
            <a:ext cx="12193200" cy="4320000"/>
          </a:xfrm>
          <a:prstGeom prst="rect">
            <a:avLst/>
          </a:prstGeom>
          <a:solidFill>
            <a:srgbClr val="F1EC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1EA15535-D226-4404-9C3F-7988CAE047A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872000" y="1370601"/>
            <a:ext cx="4320000" cy="4320000"/>
          </a:xfrm>
          <a:noFill/>
        </p:spPr>
        <p:txBody>
          <a:bodyPr lIns="72000" tIns="72000" anchor="t" anchorCtr="0"/>
          <a:lstStyle>
            <a:lvl1pPr marL="0" indent="0" algn="l">
              <a:buNone/>
              <a:defRPr sz="1600"/>
            </a:lvl1pPr>
          </a:lstStyle>
          <a:p>
            <a:r>
              <a:rPr lang="en-GB" noProof="0"/>
              <a:t>Select this image object and insert a new image from Templafy</a:t>
            </a:r>
          </a:p>
        </p:txBody>
      </p:sp>
      <p:sp>
        <p:nvSpPr>
          <p:cNvPr id="3" name="Date_DateCustomA">
            <a:extLst>
              <a:ext uri="{FF2B5EF4-FFF2-40B4-BE49-F238E27FC236}">
                <a16:creationId xmlns:a16="http://schemas.microsoft.com/office/drawing/2014/main" id="{7D265EB0-481D-445F-8516-11E5241935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LD_Footer">
            <a:extLst>
              <a:ext uri="{FF2B5EF4-FFF2-40B4-BE49-F238E27FC236}">
                <a16:creationId xmlns:a16="http://schemas.microsoft.com/office/drawing/2014/main" id="{18C54938-637D-4FC4-9B12-12F397AA0A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BD79D8D-ADDC-401E-B774-5B458CD7BD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USR_Name">
            <a:extLst>
              <a:ext uri="{FF2B5EF4-FFF2-40B4-BE49-F238E27FC236}">
                <a16:creationId xmlns:a16="http://schemas.microsoft.com/office/drawing/2014/main" id="{21105990-6CDF-4C6E-9846-BD3E195AE292}"/>
              </a:ext>
            </a:extLst>
          </p:cNvPr>
          <p:cNvSpPr/>
          <p:nvPr userDrawn="1"/>
        </p:nvSpPr>
        <p:spPr>
          <a:xfrm>
            <a:off x="806400" y="2423212"/>
            <a:ext cx="6310489" cy="65148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en-GB" sz="4000" noProof="0">
              <a:solidFill>
                <a:schemeClr val="tx1"/>
              </a:solidFill>
              <a:latin typeface="If Sans Thin" panose="00000300000000000000" pitchFamily="2" charset="0"/>
            </a:endParaRPr>
          </a:p>
        </p:txBody>
      </p:sp>
      <p:sp>
        <p:nvSpPr>
          <p:cNvPr id="12" name="USR_Title">
            <a:extLst>
              <a:ext uri="{FF2B5EF4-FFF2-40B4-BE49-F238E27FC236}">
                <a16:creationId xmlns:a16="http://schemas.microsoft.com/office/drawing/2014/main" id="{D542ED00-61A0-4B6F-AA31-547965420BE5}"/>
              </a:ext>
            </a:extLst>
          </p:cNvPr>
          <p:cNvSpPr/>
          <p:nvPr userDrawn="1"/>
        </p:nvSpPr>
        <p:spPr>
          <a:xfrm>
            <a:off x="806400" y="3050630"/>
            <a:ext cx="6310489" cy="324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en-GB" sz="1400" noProof="0">
              <a:solidFill>
                <a:schemeClr val="tx1"/>
              </a:solidFill>
              <a:latin typeface="If Sans" panose="00000500000000000000" pitchFamily="2" charset="0"/>
            </a:endParaRPr>
          </a:p>
        </p:txBody>
      </p:sp>
      <p:sp>
        <p:nvSpPr>
          <p:cNvPr id="13" name="USR_Email">
            <a:extLst>
              <a:ext uri="{FF2B5EF4-FFF2-40B4-BE49-F238E27FC236}">
                <a16:creationId xmlns:a16="http://schemas.microsoft.com/office/drawing/2014/main" id="{74BBD172-6A00-4CEF-A398-1FAF35B51422}"/>
              </a:ext>
            </a:extLst>
          </p:cNvPr>
          <p:cNvSpPr/>
          <p:nvPr userDrawn="1"/>
        </p:nvSpPr>
        <p:spPr>
          <a:xfrm>
            <a:off x="806400" y="3590611"/>
            <a:ext cx="6310489" cy="396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en-GB" sz="1400" noProof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15" name="USR_DirectPhone">
            <a:extLst>
              <a:ext uri="{FF2B5EF4-FFF2-40B4-BE49-F238E27FC236}">
                <a16:creationId xmlns:a16="http://schemas.microsoft.com/office/drawing/2014/main" id="{BEAC0A16-A853-4E8D-B6AB-8F40ECB1E979}"/>
              </a:ext>
            </a:extLst>
          </p:cNvPr>
          <p:cNvSpPr/>
          <p:nvPr userDrawn="1"/>
        </p:nvSpPr>
        <p:spPr>
          <a:xfrm>
            <a:off x="806400" y="4235533"/>
            <a:ext cx="6310489" cy="396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en-GB" sz="1400" noProof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1DB23A4E-C385-4644-BACC-F261C3082C4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18818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Pr>
        <a:solidFill>
          <a:srgbClr val="E8E0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rintColorDark">
            <a:extLst>
              <a:ext uri="{FF2B5EF4-FFF2-40B4-BE49-F238E27FC236}">
                <a16:creationId xmlns:a16="http://schemas.microsoft.com/office/drawing/2014/main" id="{093C57D2-ACD6-40F9-972D-C13670E7E907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8E0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27FF6BA-0B36-4CBC-A0D4-2AAC3128EF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2672277"/>
            <a:ext cx="11328000" cy="699573"/>
          </a:xfrm>
        </p:spPr>
        <p:txBody>
          <a:bodyPr anchor="ctr" anchorCtr="0"/>
          <a:lstStyle>
            <a:lvl1pPr algn="ctr">
              <a:lnSpc>
                <a:spcPts val="6600"/>
              </a:lnSpc>
              <a:defRPr sz="5400">
                <a:latin typeface="If Sans Thin" panose="000003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F7C52A52-89B2-4729-B21A-5875698DB1A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56000" y="5275489"/>
            <a:ext cx="1080000" cy="1064119"/>
          </a:xfrm>
          <a:prstGeom prst="rect">
            <a:avLst/>
          </a:prstGeom>
        </p:spPr>
      </p:pic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B0B84943-1FD1-4534-A3DC-89A86293B7A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0" name="Footer Placeholder 4" hidden="1">
            <a:extLst>
              <a:ext uri="{FF2B5EF4-FFF2-40B4-BE49-F238E27FC236}">
                <a16:creationId xmlns:a16="http://schemas.microsoft.com/office/drawing/2014/main" id="{9E56FE58-CC8E-4864-92F7-4F303AAE6F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13EEFFC9-305D-413D-B9E8-974FD302729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3720912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logo">
    <p:bg>
      <p:bgPr>
        <a:solidFill>
          <a:srgbClr val="E8E0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rintColorDark">
            <a:extLst>
              <a:ext uri="{FF2B5EF4-FFF2-40B4-BE49-F238E27FC236}">
                <a16:creationId xmlns:a16="http://schemas.microsoft.com/office/drawing/2014/main" id="{6763CDD9-45A2-4BDA-A316-50054C7CFAEC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8E0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F7C52A52-89B2-4729-B21A-5875698DB1A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559154" y="1917700"/>
            <a:ext cx="3065132" cy="3020060"/>
          </a:xfrm>
          <a:prstGeom prst="rect">
            <a:avLst/>
          </a:prstGeom>
        </p:spPr>
      </p:pic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B0B84943-1FD1-4534-A3DC-89A86293B7A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0" name="Footer Placeholder 4" hidden="1">
            <a:extLst>
              <a:ext uri="{FF2B5EF4-FFF2-40B4-BE49-F238E27FC236}">
                <a16:creationId xmlns:a16="http://schemas.microsoft.com/office/drawing/2014/main" id="{9E56FE58-CC8E-4864-92F7-4F303AAE6F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13EEFFC9-305D-413D-B9E8-974FD302729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4" name="CUS_Disclaimer">
            <a:extLst>
              <a:ext uri="{FF2B5EF4-FFF2-40B4-BE49-F238E27FC236}">
                <a16:creationId xmlns:a16="http://schemas.microsoft.com/office/drawing/2014/main" id="{59BA82DB-DD25-48E5-AEA6-7B43475BBA3A}"/>
              </a:ext>
            </a:extLst>
          </p:cNvPr>
          <p:cNvSpPr/>
          <p:nvPr userDrawn="1"/>
        </p:nvSpPr>
        <p:spPr>
          <a:xfrm>
            <a:off x="1887894" y="6156361"/>
            <a:ext cx="8416212" cy="58702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ctr"/>
            <a:endParaRPr lang="en-GB" sz="1000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4862661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 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Background">
            <a:extLst>
              <a:ext uri="{FF2B5EF4-FFF2-40B4-BE49-F238E27FC236}">
                <a16:creationId xmlns:a16="http://schemas.microsoft.com/office/drawing/2014/main" id="{0CDAE056-7E73-4535-AEFF-E820719D038F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err="1"/>
          </a:p>
        </p:txBody>
      </p:sp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67580" y="1445977"/>
            <a:ext cx="2358244" cy="40010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Arial" panose="020B0604020202020204" pitchFamily="34" charset="0"/>
                <a:cs typeface="Arial" panose="020B0604020202020204" pitchFamily="34" charset="0"/>
              </a:rPr>
              <a:t>PICTURES</a:t>
            </a:r>
            <a:br>
              <a:rPr lang="en-GB" sz="90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corporate picture from Templafy</a:t>
            </a: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lick the blue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 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the dropdown,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 </a:t>
            </a:r>
            <a:r>
              <a:rPr lang="en-GB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tton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rop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change size or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 down while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ragging the corners of the picture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e in front of the text or graphic.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d to Back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6871761" y="1714058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2" name="Text Box 2">
            <a:extLst>
              <a:ext uri="{FF2B5EF4-FFF2-40B4-BE49-F238E27FC236}">
                <a16:creationId xmlns:a16="http://schemas.microsoft.com/office/drawing/2014/main" id="{00AD0EBC-0A41-4B26-9D79-79E0C00BBA8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4363" y="1451607"/>
            <a:ext cx="2280360" cy="4893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Arial" panose="020B0604020202020204" pitchFamily="34" charset="0"/>
                <a:cs typeface="Arial" panose="020B0604020202020204" pitchFamily="34" charset="0"/>
              </a:rPr>
              <a:t>TEXT STYLES</a:t>
            </a:r>
            <a:endParaRPr lang="en-GB" altLang="da-DK" sz="16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jump through 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-TAB</a:t>
            </a:r>
            <a:endParaRPr lang="en-GB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</a:t>
            </a:r>
            <a:r>
              <a:rPr lang="en-GB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rease</a:t>
            </a:r>
            <a:br>
              <a:rPr lang="en-GB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st level can be used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sz="900" baseline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se bullet 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lete bullet for regular text.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bullet button to reaply the correct bullet agai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1600">
                <a:latin typeface="Arial" panose="020B0604020202020204" pitchFamily="34" charset="0"/>
                <a:cs typeface="Arial" panose="020B0604020202020204" pitchFamily="34" charset="0"/>
              </a:rPr>
              <a:t>SLIDES &amp; LAYOUTS</a:t>
            </a:r>
            <a:b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the menu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Slide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me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Click on the arrow next to </a:t>
            </a:r>
            <a:r>
              <a:rPr lang="en-GB" sz="900" b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Layout</a:t>
            </a:r>
            <a:br>
              <a:rPr lang="en-GB" sz="900" b="1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</a:br>
            <a:r>
              <a:rPr lang="en-GB" sz="90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nu to reset 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formatting of the </a:t>
            </a:r>
            <a:b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3" name="Picture 2">
            <a:extLst>
              <a:ext uri="{FF2B5EF4-FFF2-40B4-BE49-F238E27FC236}">
                <a16:creationId xmlns:a16="http://schemas.microsoft.com/office/drawing/2014/main" id="{7082C8DC-C092-4676-B834-847B1F28585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649942" y="3160811"/>
            <a:ext cx="257143" cy="285714"/>
          </a:xfrm>
          <a:prstGeom prst="rect">
            <a:avLst/>
          </a:prstGeom>
        </p:spPr>
      </p:pic>
      <p:pic>
        <p:nvPicPr>
          <p:cNvPr id="46" name="Picture 29">
            <a:extLst>
              <a:ext uri="{FF2B5EF4-FFF2-40B4-BE49-F238E27FC236}">
                <a16:creationId xmlns:a16="http://schemas.microsoft.com/office/drawing/2014/main" id="{6B35B93D-CCEE-48AF-A769-8729CC05BE8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650483" y="2437628"/>
            <a:ext cx="457143" cy="257143"/>
          </a:xfrm>
          <a:prstGeom prst="rect">
            <a:avLst/>
          </a:prstGeom>
        </p:spPr>
      </p:pic>
      <p:pic>
        <p:nvPicPr>
          <p:cNvPr id="51" name="Picture 33">
            <a:extLst>
              <a:ext uri="{FF2B5EF4-FFF2-40B4-BE49-F238E27FC236}">
                <a16:creationId xmlns:a16="http://schemas.microsoft.com/office/drawing/2014/main" id="{939F9DAB-8633-4819-950D-F5E391BF771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6871761" y="2956787"/>
            <a:ext cx="341204" cy="321707"/>
          </a:xfrm>
          <a:prstGeom prst="rect">
            <a:avLst/>
          </a:prstGeom>
        </p:spPr>
      </p:pic>
      <p:pic>
        <p:nvPicPr>
          <p:cNvPr id="55" name="Picture 16">
            <a:extLst>
              <a:ext uri="{FF2B5EF4-FFF2-40B4-BE49-F238E27FC236}">
                <a16:creationId xmlns:a16="http://schemas.microsoft.com/office/drawing/2014/main" id="{A13B127D-1BE4-4C8F-96F6-59C8D10D8F4E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56364" y="4151363"/>
            <a:ext cx="328881" cy="505501"/>
          </a:xfrm>
          <a:prstGeom prst="rect">
            <a:avLst/>
          </a:prstGeom>
        </p:spPr>
      </p:pic>
      <p:pic>
        <p:nvPicPr>
          <p:cNvPr id="56" name="Picture 20">
            <a:extLst>
              <a:ext uri="{FF2B5EF4-FFF2-40B4-BE49-F238E27FC236}">
                <a16:creationId xmlns:a16="http://schemas.microsoft.com/office/drawing/2014/main" id="{5730DD9A-26F6-4C14-AE7D-221D2B3F38D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656364" y="5479516"/>
            <a:ext cx="538465" cy="17284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927782" y="3766527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729773" y="1445977"/>
            <a:ext cx="2358243" cy="3908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Arial" panose="020B0604020202020204" pitchFamily="34" charset="0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on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ader and Footer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 to All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r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y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f only used on one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Arial" panose="020B0604020202020204" pitchFamily="34" charset="0"/>
                <a:cs typeface="Arial" panose="020B0604020202020204" pitchFamily="34" charset="0"/>
              </a:rPr>
              <a:t>GRIDLINES</a:t>
            </a:r>
            <a:endParaRPr lang="en-GB" sz="16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ew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and set tick mark next to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des</a:t>
            </a: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NT: Alt + F9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>
                <a:latin typeface="Arial" panose="020B0604020202020204" pitchFamily="34" charset="0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s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lide elements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en-GB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448713"/>
            <a:ext cx="11328400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6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AC63350-5850-40BB-87A2-CE01481E05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6198" y="4473810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6D83AD9C-98AE-450E-B202-15860002D528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656363" y="4914975"/>
            <a:ext cx="475428" cy="1767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825298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331E1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400" b="0" noProof="0">
                <a:solidFill>
                  <a:schemeClr val="bg1"/>
                </a:solidFill>
              </a:rPr>
              <a:t>If you see any </a:t>
            </a:r>
            <a:r>
              <a:rPr lang="en-GB" sz="4400" b="1" i="1" noProof="0">
                <a:solidFill>
                  <a:schemeClr val="bg1"/>
                </a:solidFill>
              </a:rPr>
              <a:t>layouts after this </a:t>
            </a:r>
            <a:r>
              <a:rPr lang="en-GB" sz="4400" b="0" i="0" noProof="0">
                <a:solidFill>
                  <a:schemeClr val="bg1"/>
                </a:solidFill>
              </a:rPr>
              <a:t>one</a:t>
            </a:r>
            <a:r>
              <a:rPr lang="en-GB" sz="4400" b="1" i="1" noProof="0">
                <a:solidFill>
                  <a:schemeClr val="bg1"/>
                </a:solidFill>
              </a:rPr>
              <a:t>,</a:t>
            </a:r>
            <a:br>
              <a:rPr lang="en-GB" sz="4400" b="0" i="0" noProof="0">
                <a:solidFill>
                  <a:schemeClr val="bg1"/>
                </a:solidFill>
              </a:rPr>
            </a:br>
            <a:r>
              <a:rPr lang="en-GB" sz="4400" b="0" noProof="0">
                <a:solidFill>
                  <a:schemeClr val="bg1"/>
                </a:solidFill>
              </a:rPr>
              <a:t>do not use them. These layouts </a:t>
            </a:r>
            <a:r>
              <a:rPr lang="en-GB" sz="4400" b="1" i="1" u="none" noProof="0">
                <a:solidFill>
                  <a:schemeClr val="bg1"/>
                </a:solidFill>
              </a:rPr>
              <a:t>are not </a:t>
            </a:r>
            <a:r>
              <a:rPr lang="en-GB" sz="4400" b="0" noProof="0">
                <a:solidFill>
                  <a:schemeClr val="bg1"/>
                </a:solidFill>
              </a:rPr>
              <a:t>part of our corporate template.</a:t>
            </a:r>
            <a:br>
              <a:rPr lang="en-GB" sz="2800" b="0" noProof="0">
                <a:solidFill>
                  <a:schemeClr val="bg1"/>
                </a:solidFill>
              </a:rPr>
            </a:br>
            <a:br>
              <a:rPr lang="en-GB" sz="2800" b="0" noProof="0">
                <a:solidFill>
                  <a:schemeClr val="bg1"/>
                </a:solidFill>
              </a:rPr>
            </a:br>
            <a:endParaRPr lang="en-GB" sz="2800" b="0" noProof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3800" b="1" i="1" noProof="0">
                <a:solidFill>
                  <a:schemeClr val="bg1"/>
                </a:solidFill>
              </a:rPr>
              <a:t>Do not use </a:t>
            </a:r>
            <a:endParaRPr lang="en-GB" sz="2400" b="1" i="1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2000" b="0" noProof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800" b="0" noProof="0">
                <a:solidFill>
                  <a:schemeClr val="bg1"/>
                </a:solidFill>
              </a:rPr>
            </a:br>
            <a:endParaRPr lang="en-GB" sz="1800" b="0" noProof="0">
              <a:solidFill>
                <a:schemeClr val="bg1"/>
              </a:solidFill>
            </a:endParaRPr>
          </a:p>
        </p:txBody>
      </p:sp>
      <p:sp>
        <p:nvSpPr>
          <p:cNvPr id="9" name="Date Placeholder 2">
            <a:extLst>
              <a:ext uri="{FF2B5EF4-FFF2-40B4-BE49-F238E27FC236}">
                <a16:creationId xmlns:a16="http://schemas.microsoft.com/office/drawing/2014/main" id="{B12B154D-76F1-409D-A798-AA5203EE7F4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10" name="Footer Placeholder 3">
            <a:extLst>
              <a:ext uri="{FF2B5EF4-FFF2-40B4-BE49-F238E27FC236}">
                <a16:creationId xmlns:a16="http://schemas.microsoft.com/office/drawing/2014/main" id="{7D212C3A-1726-4BC5-8AF1-72D08F635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/>
          </a:p>
        </p:txBody>
      </p:sp>
      <p:sp>
        <p:nvSpPr>
          <p:cNvPr id="11" name="Slide Number Placeholder 4">
            <a:extLst>
              <a:ext uri="{FF2B5EF4-FFF2-40B4-BE49-F238E27FC236}">
                <a16:creationId xmlns:a16="http://schemas.microsoft.com/office/drawing/2014/main" id="{989D5CFC-5012-4F36-B4E7-CE36F67CD2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2000" y="431997"/>
            <a:ext cx="11328000" cy="585273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/>
              <a:t>Click to add Agenda 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955776B-1B0C-49E5-9D48-9EBEAE44A1B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1800" y="1209675"/>
            <a:ext cx="5232400" cy="4870451"/>
          </a:xfrm>
        </p:spPr>
        <p:txBody>
          <a:bodyPr/>
          <a:lstStyle>
            <a:lvl1pPr marL="0" indent="0"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>
                <a:latin typeface="If Sans Medium" panose="00000600000000000000" pitchFamily="2" charset="0"/>
              </a:defRPr>
            </a:lvl1pPr>
            <a:lvl2pPr marL="0" indent="0">
              <a:spcAft>
                <a:spcPts val="0"/>
              </a:spcAft>
              <a:buFont typeface="Arial" panose="020B0604020202020204" pitchFamily="34" charset="0"/>
              <a:buChar char="​"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Char char="​"/>
              <a:defRPr sz="1400"/>
            </a:lvl3pPr>
            <a:lvl4pPr>
              <a:spcBef>
                <a:spcPts val="1200"/>
              </a:spcBef>
              <a:spcAft>
                <a:spcPts val="0"/>
              </a:spcAft>
              <a:defRPr>
                <a:solidFill>
                  <a:schemeClr val="tx1"/>
                </a:solidFill>
              </a:defRPr>
            </a:lvl4pPr>
            <a:lvl5pPr>
              <a:spcAft>
                <a:spcPts val="0"/>
              </a:spcAft>
              <a:defRPr>
                <a:solidFill>
                  <a:schemeClr val="tx1"/>
                </a:solidFill>
              </a:defRPr>
            </a:lvl5pPr>
            <a:lvl6pPr marL="0" indent="0">
              <a:spcAft>
                <a:spcPts val="0"/>
              </a:spcAft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6pPr>
            <a:lvl7pPr marL="0" indent="0"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>
                <a:latin typeface="If Sans Medium" panose="00000600000000000000" pitchFamily="2" charset="0"/>
              </a:defRPr>
            </a:lvl7pPr>
            <a:lvl8pPr>
              <a:spcAft>
                <a:spcPts val="0"/>
              </a:spcAft>
              <a:defRPr sz="2000"/>
            </a:lvl8pPr>
            <a:lvl9pPr>
              <a:spcAft>
                <a:spcPts val="0"/>
              </a:spcAft>
              <a:defRPr/>
            </a:lvl9pPr>
          </a:lstStyle>
          <a:p>
            <a:pPr lvl="0"/>
            <a:r>
              <a:rPr lang="en-GB"/>
              <a:t>Click to add text. </a:t>
            </a:r>
            <a:br>
              <a:rPr lang="en-GB"/>
            </a:br>
            <a:r>
              <a:rPr lang="en-GB"/>
              <a:t>Press return and then press TAB for next level.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</a:p>
        </p:txBody>
      </p:sp>
      <p:sp>
        <p:nvSpPr>
          <p:cNvPr id="11" name="Text Placeholder 8">
            <a:extLst>
              <a:ext uri="{FF2B5EF4-FFF2-40B4-BE49-F238E27FC236}">
                <a16:creationId xmlns:a16="http://schemas.microsoft.com/office/drawing/2014/main" id="{533F7583-C9B8-41B2-8AAB-602C278DB67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527600" y="1209675"/>
            <a:ext cx="5232400" cy="4870451"/>
          </a:xfrm>
        </p:spPr>
        <p:txBody>
          <a:bodyPr/>
          <a:lstStyle>
            <a:lvl1pPr marL="0" indent="0"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>
                <a:latin typeface="If Sans Medium" panose="00000600000000000000" pitchFamily="2" charset="0"/>
              </a:defRPr>
            </a:lvl1pPr>
            <a:lvl2pPr marL="0" indent="0">
              <a:spcAft>
                <a:spcPts val="0"/>
              </a:spcAft>
              <a:buFont typeface="Arial" panose="020B0604020202020204" pitchFamily="34" charset="0"/>
              <a:buChar char="​"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Char char="​"/>
              <a:defRPr sz="1400"/>
            </a:lvl3pPr>
            <a:lvl4pPr>
              <a:spcBef>
                <a:spcPts val="1200"/>
              </a:spcBef>
              <a:spcAft>
                <a:spcPts val="0"/>
              </a:spcAft>
              <a:defRPr>
                <a:solidFill>
                  <a:schemeClr val="tx1"/>
                </a:solidFill>
              </a:defRPr>
            </a:lvl4pPr>
            <a:lvl5pPr>
              <a:spcAft>
                <a:spcPts val="0"/>
              </a:spcAft>
              <a:defRPr>
                <a:solidFill>
                  <a:schemeClr val="tx1"/>
                </a:solidFill>
              </a:defRPr>
            </a:lvl5pPr>
            <a:lvl6pPr marL="0" indent="0">
              <a:spcAft>
                <a:spcPts val="0"/>
              </a:spcAft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6pPr>
            <a:lvl7pPr marL="0" indent="0"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>
                <a:latin typeface="If Sans Medium" panose="00000600000000000000" pitchFamily="2" charset="0"/>
              </a:defRPr>
            </a:lvl7pPr>
            <a:lvl8pPr>
              <a:spcAft>
                <a:spcPts val="0"/>
              </a:spcAft>
              <a:defRPr sz="2000"/>
            </a:lvl8pPr>
            <a:lvl9pPr>
              <a:spcAft>
                <a:spcPts val="0"/>
              </a:spcAft>
              <a:defRPr/>
            </a:lvl9pPr>
          </a:lstStyle>
          <a:p>
            <a:pPr lvl="0"/>
            <a:r>
              <a:rPr lang="en-GB"/>
              <a:t>Click to add text. </a:t>
            </a:r>
            <a:br>
              <a:rPr lang="en-GB"/>
            </a:br>
            <a:r>
              <a:rPr lang="en-GB"/>
              <a:t>Press return and then press TAB for next level.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#›</a:t>
            </a:fld>
            <a:endParaRPr lang="en-GB" noProof="0"/>
          </a:p>
        </p:txBody>
      </p:sp>
      <p:pic>
        <p:nvPicPr>
          <p:cNvPr id="7" name="Picture 6" descr="A screenshot of text&#10;&#10;Description automatically generated">
            <a:extLst>
              <a:ext uri="{FF2B5EF4-FFF2-40B4-BE49-F238E27FC236}">
                <a16:creationId xmlns:a16="http://schemas.microsoft.com/office/drawing/2014/main" id="{AB272EC0-9D43-4B7D-A29D-85B1D99F865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2564130" y="0"/>
            <a:ext cx="2438400" cy="1367721"/>
          </a:xfrm>
          <a:prstGeom prst="rect">
            <a:avLst/>
          </a:prstGeom>
        </p:spPr>
      </p:pic>
      <p:pic>
        <p:nvPicPr>
          <p:cNvPr id="10" name="Graphic 9">
            <a:extLst>
              <a:ext uri="{FF2B5EF4-FFF2-40B4-BE49-F238E27FC236}">
                <a16:creationId xmlns:a16="http://schemas.microsoft.com/office/drawing/2014/main" id="{90254788-E444-4E65-BD52-5104E01CA6E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112" userDrawn="1">
          <p15:clr>
            <a:srgbClr val="FBAE40"/>
          </p15:clr>
        </p15:guide>
        <p15:guide id="2" pos="3569" userDrawn="1">
          <p15:clr>
            <a:srgbClr val="FBAE40"/>
          </p15:clr>
        </p15:guide>
        <p15:guide id="3" orient="horz" pos="762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Chapter slide / Quote (Larg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rintColorDark">
            <a:extLst>
              <a:ext uri="{FF2B5EF4-FFF2-40B4-BE49-F238E27FC236}">
                <a16:creationId xmlns:a16="http://schemas.microsoft.com/office/drawing/2014/main" id="{0D110506-4A94-4185-81AA-AF67EAF9423D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8E0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1843460"/>
            <a:ext cx="11328200" cy="1934210"/>
          </a:xfrm>
        </p:spPr>
        <p:txBody>
          <a:bodyPr anchor="b" anchorCtr="0"/>
          <a:lstStyle>
            <a:lvl1pPr algn="ctr">
              <a:lnSpc>
                <a:spcPts val="6600"/>
              </a:lnSpc>
              <a:defRPr sz="5400">
                <a:solidFill>
                  <a:schemeClr val="tx1"/>
                </a:solidFill>
                <a:latin typeface="If Sans Thin" panose="00000300000000000000" pitchFamily="2" charset="0"/>
              </a:defRPr>
            </a:lvl1pPr>
          </a:lstStyle>
          <a:p>
            <a:r>
              <a:rPr lang="en-GB"/>
              <a:t>“Click to add title”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2001" y="4103133"/>
            <a:ext cx="11328200" cy="383197"/>
          </a:xfrm>
        </p:spPr>
        <p:txBody>
          <a:bodyPr/>
          <a:lstStyle>
            <a:lvl1pPr marL="0" indent="0" algn="ctr">
              <a:lnSpc>
                <a:spcPts val="18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  <a:latin typeface="If Sans" panose="00000500000000000000" pitchFamily="2" charset="0"/>
              </a:defRPr>
            </a:lvl1pPr>
            <a:lvl2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tabLst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3EB0F0D-53AC-4D21-8C43-54722022DB1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3822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 / Quote (Smal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806401" y="4905413"/>
            <a:ext cx="10579200" cy="383197"/>
          </a:xfrm>
        </p:spPr>
        <p:txBody>
          <a:bodyPr/>
          <a:lstStyle>
            <a:lvl1pPr marL="0" indent="0" algn="l">
              <a:lnSpc>
                <a:spcPts val="18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400">
                <a:solidFill>
                  <a:schemeClr val="tx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2pPr>
            <a:lvl3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3pPr>
            <a:lvl4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4pPr>
            <a:lvl5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5pPr>
            <a:lvl6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6pPr>
            <a:lvl7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7pPr>
            <a:lvl8pPr marL="0" indent="0" algn="l">
              <a:buFont typeface="Arial" panose="020B0604020202020204" pitchFamily="34" charset="0"/>
              <a:buChar char="​"/>
              <a:defRPr sz="2000">
                <a:solidFill>
                  <a:schemeClr val="bg1"/>
                </a:solidFill>
              </a:defRPr>
            </a:lvl8pPr>
            <a:lvl9pPr marL="0" indent="0" algn="l">
              <a:buFont typeface="Arial" panose="020B0604020202020204" pitchFamily="34" charset="0"/>
              <a:buChar char="​"/>
              <a:tabLst/>
              <a:defRPr sz="2000">
                <a:solidFill>
                  <a:schemeClr val="bg1"/>
                </a:solidFill>
              </a:defRPr>
            </a:lvl9pPr>
          </a:lstStyle>
          <a:p>
            <a:r>
              <a:rPr lang="en-GB"/>
              <a:t>Click to add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544C90AE-35D1-4ED9-85F8-172672B373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D751E4D9-B56E-40DD-A1A1-68E7E7347EA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06400" y="1566975"/>
            <a:ext cx="10580400" cy="3006000"/>
          </a:xfrm>
        </p:spPr>
        <p:txBody>
          <a:bodyPr anchor="ctr" anchorCtr="0"/>
          <a:lstStyle>
            <a:lvl1pPr marL="576000" indent="-576000">
              <a:lnSpc>
                <a:spcPts val="4800"/>
              </a:lnSpc>
              <a:spcAft>
                <a:spcPts val="0"/>
              </a:spcAft>
              <a:defRPr lang="en-US" sz="4000" kern="1200" dirty="0" smtClean="0">
                <a:solidFill>
                  <a:schemeClr val="tx1"/>
                </a:solidFill>
                <a:latin typeface="If Sans Thin" panose="00000300000000000000" pitchFamily="2" charset="0"/>
                <a:ea typeface="+mj-ea"/>
                <a:cs typeface="+mj-cs"/>
              </a:defRPr>
            </a:lvl1pPr>
            <a:lvl2pPr marL="576000" indent="-576000">
              <a:spcAft>
                <a:spcPts val="0"/>
              </a:spcAft>
              <a:defRPr lang="en-US" sz="4000" kern="1200" dirty="0" smtClean="0">
                <a:solidFill>
                  <a:schemeClr val="tx1"/>
                </a:solidFill>
                <a:latin typeface="If Sans Thin" panose="00000300000000000000" pitchFamily="2" charset="0"/>
                <a:ea typeface="+mj-ea"/>
                <a:cs typeface="+mj-cs"/>
              </a:defRPr>
            </a:lvl2pPr>
            <a:lvl3pPr marL="576000" indent="-576000">
              <a:lnSpc>
                <a:spcPts val="4800"/>
              </a:lnSpc>
              <a:spcAft>
                <a:spcPts val="0"/>
              </a:spcAft>
              <a:defRPr lang="en-US" sz="4000" kern="1200" dirty="0" smtClean="0">
                <a:solidFill>
                  <a:schemeClr val="tx1"/>
                </a:solidFill>
                <a:latin typeface="If Sans Thin" panose="00000300000000000000" pitchFamily="2" charset="0"/>
                <a:ea typeface="+mj-ea"/>
                <a:cs typeface="+mj-cs"/>
              </a:defRPr>
            </a:lvl3pPr>
          </a:lstStyle>
          <a:p>
            <a:pPr lvl="0"/>
            <a:r>
              <a:rPr lang="en-GB"/>
              <a:t>“Click to add title”</a:t>
            </a:r>
            <a:endParaRPr lang="en-US"/>
          </a:p>
          <a:p>
            <a:pPr marL="576000" lvl="1" indent="-576000" algn="l" defTabSz="914400" rtl="0" eaLnBrk="1" latinLnBrk="0" hangingPunct="1">
              <a:lnSpc>
                <a:spcPts val="4800"/>
              </a:lnSpc>
              <a:spcBef>
                <a:spcPts val="0"/>
              </a:spcBef>
              <a:spcAft>
                <a:spcPts val="1400"/>
              </a:spcAft>
              <a:buFont typeface="Arial" panose="020B0604020202020204" pitchFamily="34" charset="0"/>
              <a:buChar char="•"/>
            </a:pPr>
            <a:r>
              <a:rPr lang="en-US"/>
              <a:t>Second level</a:t>
            </a:r>
          </a:p>
          <a:p>
            <a:pPr marL="576000" lvl="2" indent="-576000" algn="l" defTabSz="914400" rtl="0" eaLnBrk="1" latinLnBrk="0" hangingPunct="1">
              <a:lnSpc>
                <a:spcPts val="4800"/>
              </a:lnSpc>
              <a:spcBef>
                <a:spcPts val="0"/>
              </a:spcBef>
              <a:spcAft>
                <a:spcPts val="1400"/>
              </a:spcAft>
              <a:buFont typeface="Arial" panose="020B0604020202020204" pitchFamily="34" charset="0"/>
              <a:buChar char="•"/>
            </a:pPr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89792994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rintColorMiddel">
            <a:extLst>
              <a:ext uri="{FF2B5EF4-FFF2-40B4-BE49-F238E27FC236}">
                <a16:creationId xmlns:a16="http://schemas.microsoft.com/office/drawing/2014/main" id="{071B5D0D-BF27-4EA4-9A09-E9F326DF85B3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rgbClr val="F1EC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096000" y="0"/>
            <a:ext cx="6096000" cy="6858000"/>
          </a:xfrm>
          <a:noFill/>
        </p:spPr>
        <p:txBody>
          <a:bodyPr lIns="72000" tIns="72000" anchor="t" anchorCtr="0"/>
          <a:lstStyle>
            <a:lvl1pPr marL="0" indent="0" algn="l">
              <a:buNone/>
              <a:defRPr sz="1600"/>
            </a:lvl1pPr>
          </a:lstStyle>
          <a:p>
            <a:r>
              <a:rPr lang="en-GB" noProof="0"/>
              <a:t>Select this image object and insert a new image from Templafy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D91EA59-8957-41A3-AFF3-FA3DAA8ACB0B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32000" y="1684338"/>
            <a:ext cx="5232400" cy="439054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25" name="Text Placeholder logo">
            <a:extLst>
              <a:ext uri="{FF2B5EF4-FFF2-40B4-BE49-F238E27FC236}">
                <a16:creationId xmlns:a16="http://schemas.microsoft.com/office/drawing/2014/main" id="{8B931974-66A3-44AF-AA51-958C39579A6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1362513" y="6283734"/>
            <a:ext cx="396000" cy="3924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 marL="216000" indent="0">
              <a:buNone/>
              <a:defRPr sz="100"/>
            </a:lvl2pPr>
            <a:lvl3pPr marL="432000" indent="0">
              <a:buNone/>
              <a:defRPr sz="100"/>
            </a:lvl3pPr>
            <a:lvl4pPr>
              <a:buNone/>
              <a:defRPr sz="100"/>
            </a:lvl4pPr>
            <a:lvl5pPr>
              <a:buNone/>
              <a:defRPr sz="100"/>
            </a:lvl5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431997"/>
            <a:ext cx="5232200" cy="936000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3979066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  <p15:guide id="2" pos="3571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rintColorMiddel">
            <a:extLst>
              <a:ext uri="{FF2B5EF4-FFF2-40B4-BE49-F238E27FC236}">
                <a16:creationId xmlns:a16="http://schemas.microsoft.com/office/drawing/2014/main" id="{431FC9FF-17E0-4DA3-B661-E358096EB1C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rgbClr val="F1EC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2000" y="431997"/>
            <a:ext cx="5232200" cy="936000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527800" y="431800"/>
            <a:ext cx="5232200" cy="56388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Click to add conten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E60FE8F3-190E-4824-9FE4-522D9BB00AC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362514" y="6283735"/>
            <a:ext cx="396099" cy="391261"/>
          </a:xfrm>
          <a:prstGeom prst="rect">
            <a:avLst/>
          </a:prstGeom>
        </p:spPr>
      </p:pic>
      <p:sp>
        <p:nvSpPr>
          <p:cNvPr id="10" name="Text Placeholder 8">
            <a:extLst>
              <a:ext uri="{FF2B5EF4-FFF2-40B4-BE49-F238E27FC236}">
                <a16:creationId xmlns:a16="http://schemas.microsoft.com/office/drawing/2014/main" id="{C12222BA-8253-4FAF-BA80-67F788690C6E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32000" y="1684338"/>
            <a:ext cx="5232400" cy="439054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09268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  <p15:guide id="2" pos="3571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rintColorMiddel">
            <a:extLst>
              <a:ext uri="{FF2B5EF4-FFF2-40B4-BE49-F238E27FC236}">
                <a16:creationId xmlns:a16="http://schemas.microsoft.com/office/drawing/2014/main" id="{3C05E6B5-5E58-4078-8B9C-F6B190BADC68}"/>
              </a:ext>
            </a:extLst>
          </p:cNvPr>
          <p:cNvSpPr/>
          <p:nvPr userDrawn="1"/>
        </p:nvSpPr>
        <p:spPr>
          <a:xfrm>
            <a:off x="6096000" y="0"/>
            <a:ext cx="6096000" cy="3427200"/>
          </a:xfrm>
          <a:prstGeom prst="rect">
            <a:avLst/>
          </a:prstGeom>
          <a:solidFill>
            <a:srgbClr val="F1EC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17" name="PrintColorMiddel">
            <a:extLst>
              <a:ext uri="{FF2B5EF4-FFF2-40B4-BE49-F238E27FC236}">
                <a16:creationId xmlns:a16="http://schemas.microsoft.com/office/drawing/2014/main" id="{2BCBE9ED-C069-465C-99A4-9657A18DB7CD}"/>
              </a:ext>
            </a:extLst>
          </p:cNvPr>
          <p:cNvSpPr/>
          <p:nvPr userDrawn="1"/>
        </p:nvSpPr>
        <p:spPr>
          <a:xfrm>
            <a:off x="0" y="3430800"/>
            <a:ext cx="6096000" cy="3427200"/>
          </a:xfrm>
          <a:prstGeom prst="rect">
            <a:avLst/>
          </a:prstGeom>
          <a:solidFill>
            <a:srgbClr val="F1EC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18" name="PrintColorDark">
            <a:extLst>
              <a:ext uri="{FF2B5EF4-FFF2-40B4-BE49-F238E27FC236}">
                <a16:creationId xmlns:a16="http://schemas.microsoft.com/office/drawing/2014/main" id="{51417B44-9650-4176-9D32-BC106F593A44}"/>
              </a:ext>
            </a:extLst>
          </p:cNvPr>
          <p:cNvSpPr/>
          <p:nvPr userDrawn="1"/>
        </p:nvSpPr>
        <p:spPr>
          <a:xfrm>
            <a:off x="6096000" y="3430800"/>
            <a:ext cx="6096000" cy="3427200"/>
          </a:xfrm>
          <a:prstGeom prst="rect">
            <a:avLst/>
          </a:prstGeom>
          <a:solidFill>
            <a:srgbClr val="E8E0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432000" y="431998"/>
            <a:ext cx="5232200" cy="62991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2" name="Content Placeholder 1">
            <a:extLst>
              <a:ext uri="{FF2B5EF4-FFF2-40B4-BE49-F238E27FC236}">
                <a16:creationId xmlns:a16="http://schemas.microsoft.com/office/drawing/2014/main" id="{B66A4FA6-C0CA-4FF0-81BF-11B0A162798E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31800" y="1257618"/>
            <a:ext cx="5232400" cy="189706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3143C9A6-B3FD-48E8-98D7-E023AC97E122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097200" y="-1"/>
            <a:ext cx="6094800" cy="3430791"/>
          </a:xfrm>
          <a:noFill/>
          <a:ln>
            <a:noFill/>
          </a:ln>
        </p:spPr>
        <p:txBody>
          <a:bodyPr lIns="432000" tIns="259200" rIns="432000" bIns="43200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4" name="Content Placeholder 3">
            <a:extLst>
              <a:ext uri="{FF2B5EF4-FFF2-40B4-BE49-F238E27FC236}">
                <a16:creationId xmlns:a16="http://schemas.microsoft.com/office/drawing/2014/main" id="{03BE35EB-27C2-4858-A955-1ED48B0DF9C1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0" y="3427200"/>
            <a:ext cx="6094800" cy="3430800"/>
          </a:xfrm>
          <a:noFill/>
          <a:ln>
            <a:noFill/>
          </a:ln>
        </p:spPr>
        <p:txBody>
          <a:bodyPr lIns="432000" tIns="259200" rIns="432000" bIns="144000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6" name="Content Placeholder 4">
            <a:extLst>
              <a:ext uri="{FF2B5EF4-FFF2-40B4-BE49-F238E27FC236}">
                <a16:creationId xmlns:a16="http://schemas.microsoft.com/office/drawing/2014/main" id="{D07FADBE-9750-4382-9D21-7BEB62CC3B0D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097200" y="3427200"/>
            <a:ext cx="6094800" cy="3430800"/>
          </a:xfrm>
        </p:spPr>
        <p:txBody>
          <a:bodyPr lIns="432000" tIns="259200" rIns="432000" bIns="1440000"/>
          <a:lstStyle>
            <a:lvl1pPr>
              <a:defRPr/>
            </a:lvl1pPr>
          </a:lstStyle>
          <a:p>
            <a:pPr lvl="0"/>
            <a:r>
              <a:rPr lang="en-GB"/>
              <a:t>Click to add text or image from Templafy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FCA01A9F-2FE9-4180-9F25-0E1BF12BACE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1362513" y="6283734"/>
            <a:ext cx="396000" cy="3924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 marL="216000" indent="0">
              <a:buNone/>
              <a:defRPr sz="100"/>
            </a:lvl2pPr>
            <a:lvl3pPr marL="432000" indent="0">
              <a:buNone/>
              <a:defRPr sz="100"/>
            </a:lvl3pPr>
            <a:lvl4pPr>
              <a:buNone/>
              <a:defRPr sz="100"/>
            </a:lvl4pPr>
            <a:lvl5pPr>
              <a:buNone/>
              <a:defRPr sz="100"/>
            </a:lvl5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20" name="Date Placeholder 3" hidden="1">
            <a:extLst>
              <a:ext uri="{FF2B5EF4-FFF2-40B4-BE49-F238E27FC236}">
                <a16:creationId xmlns:a16="http://schemas.microsoft.com/office/drawing/2014/main" id="{31EFEE3C-99C3-4F33-8F59-DD89194B0BA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21" name="Footer Placeholder 4" hidden="1">
            <a:extLst>
              <a:ext uri="{FF2B5EF4-FFF2-40B4-BE49-F238E27FC236}">
                <a16:creationId xmlns:a16="http://schemas.microsoft.com/office/drawing/2014/main" id="{40464725-CD97-4F36-96AE-B4822019FD7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22" name="Slide Number Placeholder 5" hidden="1">
            <a:extLst>
              <a:ext uri="{FF2B5EF4-FFF2-40B4-BE49-F238E27FC236}">
                <a16:creationId xmlns:a16="http://schemas.microsoft.com/office/drawing/2014/main" id="{6D058466-D690-426B-BD7E-E9EB852A60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225749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  <p15:guide id="2" pos="3571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picture">
    <p:bg>
      <p:bgPr>
        <a:solidFill>
          <a:srgbClr val="E8E0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rintColorDark">
            <a:extLst>
              <a:ext uri="{FF2B5EF4-FFF2-40B4-BE49-F238E27FC236}">
                <a16:creationId xmlns:a16="http://schemas.microsoft.com/office/drawing/2014/main" id="{2A2D3B61-9D1A-47A8-84C4-F45F410E2F73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8E0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5144400"/>
          </a:xfrm>
          <a:noFill/>
          <a:ln>
            <a:noFill/>
          </a:ln>
        </p:spPr>
        <p:txBody>
          <a:bodyPr lIns="72000" tIns="72000" anchor="t" anchorCtr="0"/>
          <a:lstStyle>
            <a:lvl1pPr marL="0" indent="0" algn="l">
              <a:buNone/>
              <a:defRPr sz="1600"/>
            </a:lvl1pPr>
          </a:lstStyle>
          <a:p>
            <a:r>
              <a:rPr lang="en-GB" noProof="0"/>
              <a:t>Select this image object and insert a new image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285875" y="5421600"/>
            <a:ext cx="9620250" cy="1260000"/>
          </a:xfrm>
        </p:spPr>
        <p:txBody>
          <a:bodyPr/>
          <a:lstStyle>
            <a:lvl1pPr algn="ctr">
              <a:lnSpc>
                <a:spcPts val="4800"/>
              </a:lnSpc>
              <a:defRPr sz="4000">
                <a:latin typeface="If Sans Thin" panose="00000300000000000000" pitchFamily="2" charset="0"/>
              </a:defRPr>
            </a:lvl1pPr>
          </a:lstStyle>
          <a:p>
            <a:r>
              <a:rPr lang="en-GB" noProof="0"/>
              <a:t>Click to add title</a:t>
            </a:r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40F8DEFD-9DAF-455F-9A72-8112605919E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362609" y="6283734"/>
            <a:ext cx="395904" cy="392400"/>
          </a:xfrm>
          <a:prstGeom prst="rect">
            <a:avLst/>
          </a:prstGeom>
        </p:spPr>
      </p:pic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D99D1E04-CDB5-4117-8CB8-10962A76065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DD44A5A7-74A4-4AE7-BD88-A1FFC3A7449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3" name="Slide Number Placeholder 5" hidden="1">
            <a:extLst>
              <a:ext uri="{FF2B5EF4-FFF2-40B4-BE49-F238E27FC236}">
                <a16:creationId xmlns:a16="http://schemas.microsoft.com/office/drawing/2014/main" id="{52227265-CEA8-4013-94EE-E28CDAC85E6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76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7384808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page picture and title left">
    <p:bg>
      <p:bgPr>
        <a:solidFill>
          <a:srgbClr val="E8E0D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rintColorDark">
            <a:extLst>
              <a:ext uri="{FF2B5EF4-FFF2-40B4-BE49-F238E27FC236}">
                <a16:creationId xmlns:a16="http://schemas.microsoft.com/office/drawing/2014/main" id="{0CFF000E-8F5E-45FB-94EB-3859F88590BC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8E0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68B9A85E-13C0-461A-9181-2B144B7D311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096000" y="0"/>
            <a:ext cx="6096000" cy="6858000"/>
          </a:xfrm>
          <a:noFill/>
        </p:spPr>
        <p:txBody>
          <a:bodyPr lIns="72000" tIns="72000" anchor="t" anchorCtr="0"/>
          <a:lstStyle>
            <a:lvl1pPr marL="0" indent="0" algn="l">
              <a:buNone/>
              <a:defRPr sz="1600"/>
            </a:lvl1pPr>
          </a:lstStyle>
          <a:p>
            <a:r>
              <a:rPr lang="en-GB" noProof="0"/>
              <a:t>Select this image object and insert a new image from Templafy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96A8CF5-E8FA-4504-A76A-6DAD75C59B8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1800" y="1465200"/>
            <a:ext cx="5232400" cy="3711440"/>
          </a:xfrm>
        </p:spPr>
        <p:txBody>
          <a:bodyPr anchor="ctr" anchorCtr="0"/>
          <a:lstStyle>
            <a:lvl1pPr>
              <a:lnSpc>
                <a:spcPts val="6600"/>
              </a:lnSpc>
              <a:defRPr sz="5400">
                <a:latin typeface="If Sans Thin" panose="00000300000000000000" pitchFamily="2" charset="0"/>
              </a:defRPr>
            </a:lvl1pPr>
          </a:lstStyle>
          <a:p>
            <a:r>
              <a:rPr lang="en-GB" noProof="0"/>
              <a:t>Click to add text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C0FA0927-A829-456D-BF3E-6D86DC200DB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1362513" y="6283734"/>
            <a:ext cx="396000" cy="3924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  <a:lvl2pPr marL="216000" indent="0">
              <a:buNone/>
              <a:defRPr sz="100"/>
            </a:lvl2pPr>
            <a:lvl3pPr marL="432000" indent="0">
              <a:buNone/>
              <a:defRPr sz="100"/>
            </a:lvl3pPr>
            <a:lvl4pPr>
              <a:buNone/>
              <a:defRPr sz="100"/>
            </a:lvl4pPr>
            <a:lvl5pPr>
              <a:buNone/>
              <a:defRPr sz="100"/>
            </a:lvl5pPr>
          </a:lstStyle>
          <a:p>
            <a:pPr lv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61245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 userDrawn="1">
          <p15:clr>
            <a:srgbClr val="FBAE40"/>
          </p15:clr>
        </p15:guide>
        <p15:guide id="2" pos="3571" userDrawn="1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tags" Target="../tags/tag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rintColorLight">
            <a:extLst>
              <a:ext uri="{FF2B5EF4-FFF2-40B4-BE49-F238E27FC236}">
                <a16:creationId xmlns:a16="http://schemas.microsoft.com/office/drawing/2014/main" id="{FFE8B389-D557-4323-B6BE-46425DD7444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FAF9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>
              <a:solidFill>
                <a:schemeClr val="tx1"/>
              </a:solidFill>
            </a:endParaRP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431998"/>
            <a:ext cx="113280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692442"/>
            <a:ext cx="11328000" cy="438344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/>
              <a:t>Level 1</a:t>
            </a:r>
          </a:p>
          <a:p>
            <a:pPr lvl="1"/>
            <a:r>
              <a:rPr lang="en-GB" noProof="0"/>
              <a:t>Level 2</a:t>
            </a:r>
          </a:p>
          <a:p>
            <a:pPr lvl="2"/>
            <a:r>
              <a:rPr lang="en-GB" noProof="0"/>
              <a:t>Level 3</a:t>
            </a:r>
          </a:p>
          <a:p>
            <a:pPr lvl="3"/>
            <a:r>
              <a:rPr lang="en-GB" noProof="0"/>
              <a:t>Level 4</a:t>
            </a:r>
          </a:p>
          <a:p>
            <a:pPr lvl="4"/>
            <a:r>
              <a:rPr lang="en-GB" noProof="0"/>
              <a:t>Level 5</a:t>
            </a:r>
          </a:p>
          <a:p>
            <a:pPr lvl="5"/>
            <a:r>
              <a:rPr lang="en-GB" noProof="0"/>
              <a:t>Level 6</a:t>
            </a:r>
          </a:p>
          <a:p>
            <a:pPr lvl="6"/>
            <a:r>
              <a:rPr lang="en-GB" noProof="0"/>
              <a:t>Level 7</a:t>
            </a:r>
          </a:p>
          <a:p>
            <a:pPr lvl="7"/>
            <a:r>
              <a:rPr lang="en-GB" noProof="0"/>
              <a:t>Level 8</a:t>
            </a:r>
          </a:p>
          <a:p>
            <a:pPr lvl="8"/>
            <a:r>
              <a:rPr lang="en-GB" noProof="0"/>
              <a:t>Level 9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06400" y="6559200"/>
            <a:ext cx="2898000" cy="1296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 b="0">
                <a:solidFill>
                  <a:schemeClr val="tx1"/>
                </a:solidFill>
                <a:latin typeface="If Sans" panose="00000500000000000000" pitchFamily="2" charset="0"/>
              </a:defRPr>
            </a:lvl1pPr>
          </a:lstStyle>
          <a:p>
            <a:endParaRPr lang="en-GB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806400" y="6379200"/>
            <a:ext cx="2898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 b="0">
                <a:solidFill>
                  <a:schemeClr val="tx1"/>
                </a:solidFill>
                <a:latin typeface="If Sans" panose="00000500000000000000" pitchFamily="2" charset="0"/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32000" y="6379200"/>
            <a:ext cx="3744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 b="0">
                <a:solidFill>
                  <a:schemeClr val="tx1"/>
                </a:solidFill>
                <a:latin typeface="If Sans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/>
          </a:p>
        </p:txBody>
      </p:sp>
      <p:grpSp>
        <p:nvGrpSpPr>
          <p:cNvPr id="18" name="Group grid" hidden="1">
            <a:extLst>
              <a:ext uri="{FF2B5EF4-FFF2-40B4-BE49-F238E27FC236}">
                <a16:creationId xmlns:a16="http://schemas.microsoft.com/office/drawing/2014/main" id="{87FB61CA-50AC-4C7C-A85A-DAC6770062EB}"/>
              </a:ext>
            </a:extLst>
          </p:cNvPr>
          <p:cNvGrpSpPr/>
          <p:nvPr userDrawn="1"/>
        </p:nvGrpSpPr>
        <p:grpSpPr>
          <a:xfrm>
            <a:off x="432000" y="431997"/>
            <a:ext cx="11328000" cy="5643893"/>
            <a:chOff x="432000" y="431997"/>
            <a:chExt cx="11328000" cy="5643893"/>
          </a:xfrm>
        </p:grpSpPr>
        <p:sp>
          <p:nvSpPr>
            <p:cNvPr id="2" name="[WorkArea]" descr="&lt;?xml version=&quot;1.0&quot; encoding=&quot;utf-16&quot;?&gt;&#10;&lt;GridTheme xmlns:xsi=&quot;http://www.w3.org/2001/XMLSchema-instance&quot; xmlns:xsd=&quot;http://www.w3.org/2001/XMLSchema&quot;&gt;&#10;  &lt;GuideLines&gt;&#10;    &lt;GuideLine&gt;&#10;      &lt;Orientation&gt;118&lt;/Orientation&gt;&#10;      &lt;Offset&gt;34&lt;/Offset&gt;&#10;    &lt;/GuideLine&gt;&#10;    &lt;GuideLine&gt;&#10;      &lt;Orientation&gt;118&lt;/Orientation&gt;&#10;      &lt;Offset&gt;446&lt;/Offset&gt;&#10;    &lt;/GuideLine&gt;&#10;    &lt;GuideLine&gt;&#10;      &lt;Orientation&gt;104&lt;/Orientation&gt;&#10;      &lt;Offset&gt;34&lt;/Offset&gt;&#10;    &lt;/GuideLine&gt;&#10;    &lt;GuideLine&gt;&#10;      &lt;Orientation&gt;104&lt;/Orientation&gt;&#10;      &lt;Offset&gt;160&lt;/Offset&gt;&#10;    &lt;/GuideLine&gt;&#10;    &lt;GuideLine&gt;&#10;      &lt;Orientation&gt;104&lt;/Orientation&gt;&#10;      &lt;Offset&gt;478&lt;/Offset&gt;&#10;    &lt;/GuideLine&gt;&#10;    &lt;GuideLine&gt;&#10;      &lt;Orientation&gt;118&lt;/Orientation&gt;&#10;      &lt;Offset&gt;514&lt;/Offset&gt;&#10;    &lt;/GuideLine&gt;&#10;    &lt;GuideLine&gt;&#10;      &lt;Orientation&gt;118&lt;/Orientation&gt;&#10;      &lt;Offset&gt;926&lt;/Offset&gt;&#10;    &lt;/GuideLine&gt;&#10;  &lt;/GuideLines&gt;&#10;  &lt;SubGrids&gt;&#10;    &lt;SubGrid&gt;&#10;      &lt;Left&gt;34.0157471&lt;/Left&gt;&#10;      &lt;Top&gt;34.01551&lt;/Top&gt;&#10;      &lt;Width&gt;411.9685&lt;/Width&gt;&#10;      &lt;Height&gt;125.708267&lt;/Height&gt;&#10;    &lt;/SubGrid&gt;&#10;    &lt;SubGrid&gt;&#10;      &lt;Left&gt;34.0157471&lt;/Left&gt;&#10;      &lt;Top&gt;159.724258&lt;/Top&gt;&#10;      &lt;Width&gt;411.9685&lt;/Width&gt;&#10;      &lt;Height&gt;318.6923&lt;/Height&gt;&#10;    &lt;/SubGrid&gt;&#10;    &lt;SubGrid&gt;&#10;      &lt;Left&gt;514.015747&lt;/Left&gt;&#10;      &lt;Top&gt;159.723785&lt;/Top&gt;&#10;      &lt;Width&gt;411.9685&lt;/Width&gt;&#10;      &lt;Height&gt;318.6926&lt;/Height&gt;&#10;    &lt;/SubGrid&gt;&#10;    &lt;SubGrid&gt;&#10;      &lt;Left&gt;514.015747&lt;/Left&gt;&#10;      &lt;Top&gt;34.01551&lt;/Top&gt;&#10;      &lt;Width&gt;411.9685&lt;/Width&gt;&#10;      &lt;Height&gt;125.707794&lt;/Height&gt;&#10;    &lt;/SubGrid&gt;&#10;    &lt;SubGrid&gt;&#10;      &lt;Left&gt;445.875031&lt;/Left&gt;&#10;      &lt;Top&gt;159.723312&lt;/Top&gt;&#10;      &lt;Width&gt;68.14071&lt;/Width&gt;&#10;      &lt;Height&gt;318.6923&lt;/Height&gt;&#10;    &lt;/SubGrid&gt;&#10;    &lt;SubGrid&gt;&#10;      &lt;Left&gt;445.875031&lt;/Left&gt;&#10;      &lt;Top&gt;34.01551&lt;/Top&gt;&#10;      &lt;Width&gt;68.14071&lt;/Width&gt;&#10;      &lt;Height&gt;125.707794&lt;/Height&gt;&#10;    &lt;/SubGrid&gt;&#10;  &lt;/SubGrids&gt;&#10;  &lt;WorkArea&gt;&#10;    &lt;Top&gt;34.01551&lt;/Top&gt;&#10;    &lt;Left&gt;34.0157471&lt;/Left&gt;&#10;    &lt;Width&gt;891.9685&lt;/Width&gt;&#10;    &lt;Height&gt;444.40094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0&lt;/OfficeVersion&gt;&#10;&lt;/GridTheme&gt;">
              <a:extLst>
                <a:ext uri="{FF2B5EF4-FFF2-40B4-BE49-F238E27FC236}">
                  <a16:creationId xmlns:a16="http://schemas.microsoft.com/office/drawing/2014/main" id="{42F152A8-34B9-459F-8900-678B352FFE30}"/>
                </a:ext>
              </a:extLst>
            </p:cNvPr>
            <p:cNvSpPr/>
            <p:nvPr userDrawn="1"/>
          </p:nvSpPr>
          <p:spPr>
            <a:xfrm>
              <a:off x="432000" y="431997"/>
              <a:ext cx="11328000" cy="5643892"/>
            </a:xfrm>
            <a:prstGeom prst="rect">
              <a:avLst/>
            </a:prstGeom>
            <a:solidFill>
              <a:srgbClr val="EAEAEA">
                <a:alpha val="50000"/>
              </a:srgbClr>
            </a:solidFill>
            <a:ln w="12700" cap="flat" cmpd="sng" algn="ctr">
              <a:solidFill>
                <a:schemeClr val="accent1">
                  <a:alpha val="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err="1"/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9AA49669-25C2-42C3-932A-343466D7E295}"/>
                </a:ext>
              </a:extLst>
            </p:cNvPr>
            <p:cNvSpPr/>
            <p:nvPr userDrawn="1">
              <p:custDataLst>
                <p:tags r:id="rId21"/>
              </p:custDataLst>
            </p:nvPr>
          </p:nvSpPr>
          <p:spPr>
            <a:xfrm>
              <a:off x="432000" y="431997"/>
              <a:ext cx="5232000" cy="1596495"/>
            </a:xfrm>
            <a:prstGeom prst="rect">
              <a:avLst/>
            </a:prstGeom>
            <a:solidFill>
              <a:srgbClr val="EAEAEA">
                <a:alpha val="50000"/>
              </a:srgbClr>
            </a:solidFill>
            <a:ln w="12700" cap="flat" cmpd="sng" algn="ctr">
              <a:solidFill>
                <a:schemeClr val="accent1">
                  <a:alpha val="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err="1"/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2610A7F5-B50B-4046-AF1F-6E8B7BCF18CC}"/>
                </a:ext>
              </a:extLst>
            </p:cNvPr>
            <p:cNvSpPr/>
            <p:nvPr userDrawn="1">
              <p:custDataLst>
                <p:tags r:id="rId22"/>
              </p:custDataLst>
            </p:nvPr>
          </p:nvSpPr>
          <p:spPr>
            <a:xfrm>
              <a:off x="432000" y="2028498"/>
              <a:ext cx="5232000" cy="4047392"/>
            </a:xfrm>
            <a:prstGeom prst="rect">
              <a:avLst/>
            </a:prstGeom>
            <a:solidFill>
              <a:srgbClr val="EAEAEA">
                <a:alpha val="50000"/>
              </a:srgbClr>
            </a:solidFill>
            <a:ln w="12700" cap="flat" cmpd="sng" algn="ctr">
              <a:solidFill>
                <a:schemeClr val="accent1">
                  <a:alpha val="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err="1"/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F8C27E4A-2B88-4FF9-89B2-E4728E7EFDBB}"/>
                </a:ext>
              </a:extLst>
            </p:cNvPr>
            <p:cNvSpPr/>
            <p:nvPr userDrawn="1">
              <p:custDataLst>
                <p:tags r:id="rId23"/>
              </p:custDataLst>
            </p:nvPr>
          </p:nvSpPr>
          <p:spPr>
            <a:xfrm>
              <a:off x="6528000" y="2028492"/>
              <a:ext cx="5232000" cy="4047396"/>
            </a:xfrm>
            <a:prstGeom prst="rect">
              <a:avLst/>
            </a:prstGeom>
            <a:solidFill>
              <a:srgbClr val="EAEAEA">
                <a:alpha val="50000"/>
              </a:srgbClr>
            </a:solidFill>
            <a:ln w="12700" cap="flat" cmpd="sng" algn="ctr">
              <a:solidFill>
                <a:schemeClr val="accent1">
                  <a:alpha val="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err="1"/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D9280AA1-E9B1-4080-A9F3-363152A54283}"/>
                </a:ext>
              </a:extLst>
            </p:cNvPr>
            <p:cNvSpPr/>
            <p:nvPr userDrawn="1">
              <p:custDataLst>
                <p:tags r:id="rId24"/>
              </p:custDataLst>
            </p:nvPr>
          </p:nvSpPr>
          <p:spPr>
            <a:xfrm>
              <a:off x="6528000" y="431997"/>
              <a:ext cx="5232000" cy="1596489"/>
            </a:xfrm>
            <a:prstGeom prst="rect">
              <a:avLst/>
            </a:prstGeom>
            <a:solidFill>
              <a:srgbClr val="EAEAEA">
                <a:alpha val="50000"/>
              </a:srgbClr>
            </a:solidFill>
            <a:ln w="12700" cap="flat" cmpd="sng" algn="ctr">
              <a:solidFill>
                <a:schemeClr val="accent1">
                  <a:alpha val="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err="1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3EF214B5-D984-42E7-9062-2910F02212E0}"/>
                </a:ext>
              </a:extLst>
            </p:cNvPr>
            <p:cNvSpPr/>
            <p:nvPr userDrawn="1">
              <p:custDataLst>
                <p:tags r:id="rId25"/>
              </p:custDataLst>
            </p:nvPr>
          </p:nvSpPr>
          <p:spPr>
            <a:xfrm>
              <a:off x="5662613" y="2028486"/>
              <a:ext cx="865387" cy="4047392"/>
            </a:xfrm>
            <a:prstGeom prst="rect">
              <a:avLst/>
            </a:prstGeom>
            <a:solidFill>
              <a:srgbClr val="EAEAEA">
                <a:alpha val="50000"/>
              </a:srgbClr>
            </a:solidFill>
            <a:ln w="12700" cap="flat" cmpd="sng" algn="ctr">
              <a:solidFill>
                <a:schemeClr val="accent1">
                  <a:alpha val="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err="1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0F968DA2-6CBE-47BD-BE3F-7160E001004C}"/>
                </a:ext>
              </a:extLst>
            </p:cNvPr>
            <p:cNvSpPr/>
            <p:nvPr userDrawn="1">
              <p:custDataLst>
                <p:tags r:id="rId26"/>
              </p:custDataLst>
            </p:nvPr>
          </p:nvSpPr>
          <p:spPr>
            <a:xfrm>
              <a:off x="5662613" y="431997"/>
              <a:ext cx="865387" cy="1596489"/>
            </a:xfrm>
            <a:prstGeom prst="rect">
              <a:avLst/>
            </a:prstGeom>
            <a:solidFill>
              <a:srgbClr val="EAEAEA">
                <a:alpha val="50000"/>
              </a:srgbClr>
            </a:solidFill>
            <a:ln w="12700" cap="flat" cmpd="sng" algn="ctr">
              <a:solidFill>
                <a:schemeClr val="accent1">
                  <a:alpha val="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err="1"/>
            </a:p>
          </p:txBody>
        </p:sp>
      </p:grp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37" r:id="rId2"/>
    <p:sldLayoutId id="2147483731" r:id="rId3"/>
    <p:sldLayoutId id="2147483765" r:id="rId4"/>
    <p:sldLayoutId id="2147483757" r:id="rId5"/>
    <p:sldLayoutId id="2147483755" r:id="rId6"/>
    <p:sldLayoutId id="2147483735" r:id="rId7"/>
    <p:sldLayoutId id="2147483739" r:id="rId8"/>
    <p:sldLayoutId id="2147483767" r:id="rId9"/>
    <p:sldLayoutId id="2147483771" r:id="rId10"/>
    <p:sldLayoutId id="2147483764" r:id="rId11"/>
    <p:sldLayoutId id="2147483732" r:id="rId12"/>
    <p:sldLayoutId id="2147483743" r:id="rId13"/>
    <p:sldLayoutId id="2147483744" r:id="rId14"/>
    <p:sldLayoutId id="2147483773" r:id="rId15"/>
    <p:sldLayoutId id="2147483768" r:id="rId16"/>
    <p:sldLayoutId id="2147483772" r:id="rId17"/>
    <p:sldLayoutId id="2147483762" r:id="rId18"/>
    <p:sldLayoutId id="2147483751" r:id="rId19"/>
  </p:sldLayoutIdLst>
  <p:hf hdr="0"/>
  <p:txStyles>
    <p:titleStyle>
      <a:lvl1pPr algn="l" defTabSz="914400" rtl="0" eaLnBrk="1" latinLnBrk="0" hangingPunct="1">
        <a:lnSpc>
          <a:spcPts val="3600"/>
        </a:lnSpc>
        <a:spcBef>
          <a:spcPct val="0"/>
        </a:spcBef>
        <a:buNone/>
        <a:defRPr sz="3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14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14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14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400"/>
        </a:spcAft>
        <a:buFont typeface="Arial" panose="020B0604020202020204" pitchFamily="34" charset="0"/>
        <a:buChar char="​"/>
        <a:defRPr sz="2000" b="0" kern="1200">
          <a:solidFill>
            <a:schemeClr val="tx1"/>
          </a:solidFill>
          <a:latin typeface="If Sans Medium" panose="00000600000000000000" pitchFamily="2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400"/>
        </a:spcAft>
        <a:buFont typeface="Arial" panose="020B0604020202020204" pitchFamily="34" charset="0"/>
        <a:buChar char="​"/>
        <a:tabLst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66400" indent="-266400" algn="l" defTabSz="914400" rtl="0" eaLnBrk="1" latinLnBrk="0" hangingPunct="1">
        <a:lnSpc>
          <a:spcPct val="100000"/>
        </a:lnSpc>
        <a:spcBef>
          <a:spcPts val="0"/>
        </a:spcBef>
        <a:spcAft>
          <a:spcPts val="1400"/>
        </a:spcAft>
        <a:buFont typeface="+mj-lt"/>
        <a:buAutoNum type="arabicPeriod"/>
        <a:defRPr sz="2000" b="0" kern="1200">
          <a:solidFill>
            <a:schemeClr val="tx1"/>
          </a:solidFill>
          <a:latin typeface="+mn-lt"/>
          <a:ea typeface="+mn-ea"/>
          <a:cs typeface="+mn-cs"/>
        </a:defRPr>
      </a:lvl6pPr>
      <a:lvl7pPr marL="266400" indent="-266400" algn="l" defTabSz="914400" rtl="0" eaLnBrk="1" latinLnBrk="0" hangingPunct="1">
        <a:lnSpc>
          <a:spcPct val="100000"/>
        </a:lnSpc>
        <a:spcBef>
          <a:spcPts val="0"/>
        </a:spcBef>
        <a:spcAft>
          <a:spcPts val="1400"/>
        </a:spcAft>
        <a:buFont typeface="+mj-lt"/>
        <a:buAutoNum type="alphaUcPeriod"/>
        <a:defRPr sz="2000" b="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ts val="1800"/>
        </a:lnSpc>
        <a:spcBef>
          <a:spcPts val="0"/>
        </a:spcBef>
        <a:spcAft>
          <a:spcPts val="1400"/>
        </a:spcAft>
        <a:buFont typeface="Arial" panose="020B0604020202020204" pitchFamily="34" charset="0"/>
        <a:buChar char="​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ts val="1800"/>
        </a:lnSpc>
        <a:spcBef>
          <a:spcPts val="0"/>
        </a:spcBef>
        <a:spcAft>
          <a:spcPts val="1400"/>
        </a:spcAft>
        <a:buFont typeface="Arial" panose="020B0604020202020204" pitchFamily="34" charset="0"/>
        <a:buChar char="​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272" userDrawn="1">
          <p15:clr>
            <a:srgbClr val="F26B43"/>
          </p15:clr>
        </p15:guide>
        <p15:guide id="3" orient="horz" pos="272" userDrawn="1">
          <p15:clr>
            <a:srgbClr val="F26B43"/>
          </p15:clr>
        </p15:guide>
        <p15:guide id="4" orient="horz" pos="1061" userDrawn="1">
          <p15:clr>
            <a:srgbClr val="F26B43"/>
          </p15:clr>
        </p15:guide>
        <p15:guide id="5" orient="horz" pos="3824" userDrawn="1">
          <p15:clr>
            <a:srgbClr val="F26B43"/>
          </p15:clr>
        </p15:guide>
        <p15:guide id="7" pos="740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eiopa.europa.eu/publications/eiopas-approach-supervision-product-oversight-and-governance_en" TargetMode="External"/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eur01.safelinks.protection.outlook.com/?url=https%3A%2F%2Flovdata.no%2Fforskrift%2F2016-12-09-1502%2F%25C2%25A72-12&amp;data=05%7C02%7Cchristine.aasen%40if.no%7C4241fdce417c4ab1003308dc5df8738c%7Cde7e7a67ae6149d297a7526c910ad675%7C0%7C0%7C638488568880644069%7CUnknown%7CTWFpbGZsb3d8eyJWIjoiMC4wLjAwMDAiLCJQIjoiV2luMzIiLCJBTiI6Ik1haWwiLCJXVCI6Mn0%3D%7C0%7C%7C%7C&amp;sdata=kblbY2ortI%2BE0MPHWFpLICNP1Y%2FxHkpQR6kXzfUvpz4%3D&amp;reserved=0" TargetMode="External"/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5.xml"/><Relationship Id="rId4" Type="http://schemas.openxmlformats.org/officeDocument/2006/relationships/hyperlink" Target="https://lovdata.no/dokument/SF/forskrift/2016-12-09-1502/KAPITTEL_2-3#%C2%A72-12" TargetMode="Externa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8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F9B32D-30C7-F9E8-B954-74CB998E735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 dirty="0"/>
              <a:t>POG Target Markets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77F4C09-C575-2F48-4635-0C290897F3D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b-NO"/>
              <a:t>Norway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57CEA0D-7FE8-F597-AA38-CC0C4D6F848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nb-NO" dirty="0"/>
              <a:t>Christine Aasen, April 2024</a:t>
            </a:r>
          </a:p>
        </p:txBody>
      </p:sp>
    </p:spTree>
    <p:extLst>
      <p:ext uri="{BB962C8B-B14F-4D97-AF65-F5344CB8AC3E}">
        <p14:creationId xmlns:p14="http://schemas.microsoft.com/office/powerpoint/2010/main" val="93326403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157D7CB1-754B-43B5-B7F6-8A97E23537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000" y="320238"/>
            <a:ext cx="11328000" cy="936000"/>
          </a:xfrm>
        </p:spPr>
        <p:txBody>
          <a:bodyPr/>
          <a:lstStyle/>
          <a:p>
            <a:r>
              <a:rPr lang="en-GB" sz="2000"/>
              <a:t>POG TARGET MARKETS COMMERCIAL – </a:t>
            </a:r>
            <a:r>
              <a:rPr lang="en-GB" sz="2000" b="1"/>
              <a:t>VEHICLE NORWAY</a:t>
            </a:r>
            <a:endParaRPr lang="en-US" b="1"/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618363D7-5EDB-44C7-80E0-84CF75A84D2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58380860"/>
              </p:ext>
            </p:extLst>
          </p:nvPr>
        </p:nvGraphicFramePr>
        <p:xfrm>
          <a:off x="169258" y="908380"/>
          <a:ext cx="11243562" cy="3865245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1873927">
                  <a:extLst>
                    <a:ext uri="{9D8B030D-6E8A-4147-A177-3AD203B41FA5}">
                      <a16:colId xmlns:a16="http://schemas.microsoft.com/office/drawing/2014/main" val="3210046240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3964206995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97584591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61306094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15403849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9628723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PRODU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OT 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100" b="1" u="none" strike="noStrike" noProof="0">
                          <a:solidFill>
                            <a:schemeClr val="bg1"/>
                          </a:solidFill>
                        </a:rPr>
                        <a:t>DISTRIBUTION CHANNELS</a:t>
                      </a:r>
                      <a:endParaRPr lang="sv-SE" sz="120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100" b="1" u="none" strike="noStrike">
                          <a:solidFill>
                            <a:schemeClr val="bg1"/>
                          </a:solidFill>
                          <a:effectLst/>
                        </a:rPr>
                        <a:t>CHANGES SINCE LAST REVISION (2020)</a:t>
                      </a:r>
                    </a:p>
                    <a:p>
                      <a:pPr lvl="0" algn="l">
                        <a:buNone/>
                      </a:pPr>
                      <a:endParaRPr lang="en-US" sz="1100" b="1" i="0" u="none" strike="noStrike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AME and DATE OF REVIE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862345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All produc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000" b="0" kern="1200">
                          <a:solidFill>
                            <a:schemeClr val="dk1"/>
                          </a:solidFill>
                          <a:effectLst/>
                        </a:rPr>
                        <a:t>Norwegian vehicles owned or held by companies​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000" b="0" kern="1200">
                          <a:solidFill>
                            <a:schemeClr val="dk1"/>
                          </a:solidFill>
                          <a:effectLst/>
                        </a:rPr>
                        <a:t>Privately owned vehicles. Vehicles not registered in Norway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000" b="0" i="0" u="none" strike="noStrike" noProof="0">
                          <a:solidFill>
                            <a:schemeClr val="dk1"/>
                          </a:solidFill>
                          <a:latin typeface="If Sans Light"/>
                        </a:rPr>
                        <a:t>Customer Center, Remote, Large, Broker, Mobility, </a:t>
                      </a:r>
                      <a:r>
                        <a:rPr lang="en-US" sz="1000" b="0" i="0" u="none" strike="noStrike" noProof="0" err="1">
                          <a:solidFill>
                            <a:schemeClr val="dk1"/>
                          </a:solidFill>
                          <a:latin typeface="If Sans Light"/>
                        </a:rPr>
                        <a:t>Webshop</a:t>
                      </a:r>
                      <a:endParaRPr lang="en-US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  <a:tabLst/>
                        <a:defRPr/>
                      </a:pPr>
                      <a:r>
                        <a:rPr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</a:rPr>
                        <a:t>None</a:t>
                      </a:r>
                      <a:endParaRPr kumimoji="0"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Mads </a:t>
                      </a:r>
                      <a:r>
                        <a:rPr lang="en-GB" sz="1000" err="1"/>
                        <a:t>Dørstad</a:t>
                      </a:r>
                      <a:r>
                        <a:rPr lang="en-GB" sz="1000"/>
                        <a:t>, April 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87873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Motor Third Part Liability Insuranc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000" b="0" kern="1200">
                          <a:solidFill>
                            <a:schemeClr val="dk1"/>
                          </a:solidFill>
                          <a:effectLst/>
                        </a:rPr>
                        <a:t>All vehicles for which an MTPL insurance is required by the law</a:t>
                      </a:r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​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Vehicles not registered in Norway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000" b="0" i="0" u="none" strike="noStrike" noProof="0">
                          <a:solidFill>
                            <a:schemeClr val="dk1"/>
                          </a:solidFill>
                          <a:latin typeface="If Sans Light"/>
                        </a:rPr>
                        <a:t>Customer Center, Remote, Large, Broker, Mobility, </a:t>
                      </a:r>
                      <a:r>
                        <a:rPr lang="en-US" sz="1000" b="0" i="0" u="none" strike="noStrike" noProof="0" err="1">
                          <a:solidFill>
                            <a:schemeClr val="dk1"/>
                          </a:solidFill>
                          <a:latin typeface="If Sans Light"/>
                        </a:rPr>
                        <a:t>Webshop</a:t>
                      </a:r>
                      <a:r>
                        <a:rPr lang="en-US" sz="1000" b="0" i="0" u="none" strike="noStrike" noProof="0">
                          <a:solidFill>
                            <a:schemeClr val="dk1"/>
                          </a:solidFill>
                          <a:latin typeface="If Sans Light"/>
                        </a:rPr>
                        <a:t> </a:t>
                      </a:r>
                      <a:endParaRPr lang="en-US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None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en-GB" sz="1000"/>
                        <a:t>Mads </a:t>
                      </a:r>
                      <a:r>
                        <a:rPr lang="en-GB" sz="1000" err="1"/>
                        <a:t>Dørstad</a:t>
                      </a:r>
                      <a:r>
                        <a:rPr lang="en-GB" sz="1000"/>
                        <a:t>, April 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2253485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Standard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All vehicles that need collision cov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000" b="0" kern="1200">
                          <a:solidFill>
                            <a:schemeClr val="dk1"/>
                          </a:solidFill>
                          <a:effectLst/>
                        </a:rPr>
                        <a:t>Cars and vans younger than three years old, with a valid Car damage warranty​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000" b="0" i="0" u="none" strike="noStrike" noProof="0">
                          <a:solidFill>
                            <a:schemeClr val="dk1"/>
                          </a:solidFill>
                          <a:latin typeface="If Sans Light"/>
                        </a:rPr>
                        <a:t>Customer Center, Remote, Large, Broker, Mobility, Web shop</a:t>
                      </a:r>
                      <a:endParaRPr lang="en-US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  <a:tabLst/>
                        <a:defRPr/>
                      </a:pPr>
                      <a:r>
                        <a:rPr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</a:rPr>
                        <a:t>None</a:t>
                      </a:r>
                      <a:endParaRPr kumimoji="0"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Mads </a:t>
                      </a:r>
                      <a:r>
                        <a:rPr lang="en-GB" sz="1000" err="1"/>
                        <a:t>Dørstad</a:t>
                      </a:r>
                      <a:r>
                        <a:rPr lang="en-GB" sz="1000"/>
                        <a:t>, April 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202107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Basic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rtl="0" fontAlgn="base"/>
                      <a:r>
                        <a:rPr lang="en-US" sz="1000" b="0" kern="1200">
                          <a:solidFill>
                            <a:schemeClr val="dk1"/>
                          </a:solidFill>
                          <a:effectLst/>
                        </a:rPr>
                        <a:t>Cars and vans younger than three years old, with a valid car damage warranty. ​</a:t>
                      </a:r>
                    </a:p>
                    <a:p>
                      <a:pPr rtl="0" fontAlgn="base"/>
                      <a:r>
                        <a:rPr lang="en-US" sz="1000" b="0" kern="1200">
                          <a:solidFill>
                            <a:schemeClr val="dk1"/>
                          </a:solidFill>
                          <a:effectLst/>
                        </a:rPr>
                        <a:t>Older or less valuable vehicles that do not need collision cover</a:t>
                      </a:r>
                      <a:r>
                        <a:rPr lang="sv-SE" sz="1000" b="0" kern="1200">
                          <a:solidFill>
                            <a:schemeClr val="dk1"/>
                          </a:solidFill>
                          <a:effectLst/>
                        </a:rPr>
                        <a:t>​</a:t>
                      </a:r>
                      <a:endParaRPr lang="sv-SE" sz="1000" b="0" i="0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000" b="0" i="0" u="none" strike="noStrike" noProof="0">
                          <a:solidFill>
                            <a:schemeClr val="dk1"/>
                          </a:solidFill>
                          <a:latin typeface="If Sans Light"/>
                        </a:rPr>
                        <a:t>Customer Center, Remote, Large, Broker, Mobility, </a:t>
                      </a:r>
                      <a:r>
                        <a:rPr lang="en-US" sz="1000" b="0" i="0" u="none" strike="noStrike" noProof="0" err="1">
                          <a:solidFill>
                            <a:schemeClr val="dk1"/>
                          </a:solidFill>
                          <a:latin typeface="If Sans Light"/>
                        </a:rPr>
                        <a:t>Webshop</a:t>
                      </a:r>
                      <a:endParaRPr lang="en-US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  <a:tabLst/>
                        <a:defRPr/>
                      </a:pPr>
                      <a:r>
                        <a:rPr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</a:rPr>
                        <a:t>None</a:t>
                      </a:r>
                      <a:endParaRPr kumimoji="0"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Mads </a:t>
                      </a:r>
                      <a:r>
                        <a:rPr lang="en-GB" sz="1000" err="1"/>
                        <a:t>Dørstad</a:t>
                      </a:r>
                      <a:r>
                        <a:rPr lang="en-GB" sz="1000"/>
                        <a:t>, April 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2024</a:t>
                      </a: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9093392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Car deal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US" sz="1000" b="0" kern="1200">
                          <a:solidFill>
                            <a:schemeClr val="dk1"/>
                          </a:solidFill>
                          <a:effectLst/>
                        </a:rPr>
                        <a:t>Businesses operating in Norway who sell, repair, finance or store vehicles, or otherwise use the vehicles as a commodity or the object of a service​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All others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000" b="0" i="0" u="none" strike="noStrike" noProof="0">
                          <a:solidFill>
                            <a:schemeClr val="dk1"/>
                          </a:solidFill>
                          <a:latin typeface="If Sans Light"/>
                        </a:rPr>
                        <a:t>Customer Center, Remote, Large, Broker, Mobility, </a:t>
                      </a:r>
                      <a:r>
                        <a:rPr lang="en-US" sz="1000" b="0" i="0" u="none" strike="noStrike" noProof="0" err="1">
                          <a:solidFill>
                            <a:schemeClr val="dk1"/>
                          </a:solidFill>
                          <a:latin typeface="If Sans Light"/>
                        </a:rPr>
                        <a:t>Webshop</a:t>
                      </a:r>
                      <a:endParaRPr lang="en-US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None/>
                        <a:tabLst/>
                        <a:defRPr/>
                      </a:pPr>
                      <a:r>
                        <a:rPr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</a:rPr>
                        <a:t>None</a:t>
                      </a:r>
                      <a:endParaRPr kumimoji="0" lang="en-US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en-GB" sz="1000"/>
                        <a:t>Mads Dørstad, April 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58866623"/>
                  </a:ext>
                </a:extLst>
              </a:tr>
            </a:tbl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B6C492C3-2AD3-A92E-D078-E0DB0FEB7219}"/>
              </a:ext>
            </a:extLst>
          </p:cNvPr>
          <p:cNvSpPr txBox="1"/>
          <p:nvPr/>
        </p:nvSpPr>
        <p:spPr>
          <a:xfrm>
            <a:off x="330000" y="6414651"/>
            <a:ext cx="9279946" cy="246221"/>
          </a:xfrm>
          <a:prstGeom prst="rect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 If Distribution channels: Customer Center, Remote, Large, Broker, Mobility, Partners, Tied Agents, </a:t>
            </a:r>
            <a:r>
              <a:rPr kumimoji="0" lang="en-US" sz="1600" b="0" i="1" u="none" strike="noStrike" kern="1200" cap="none" spc="0" normalizeH="0" baseline="0" noProof="0" err="1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Webshop</a:t>
            </a: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 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7634967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F9B32D-30C7-F9E8-B954-74CB998E735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>
                <a:latin typeface="If Sans Thin"/>
              </a:rPr>
              <a:t>Person</a:t>
            </a:r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77F4C09-C575-2F48-4635-0C290897F3D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57CEA0D-7FE8-F597-AA38-CC0C4D6F848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vert="horz" lIns="0" tIns="0" rIns="0" bIns="0" rtlCol="0" anchor="t">
            <a:noAutofit/>
          </a:bodyPr>
          <a:lstStyle/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960202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157D7CB1-754B-43B5-B7F6-8A97E23537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000" y="31083"/>
            <a:ext cx="11328000" cy="936000"/>
          </a:xfrm>
        </p:spPr>
        <p:txBody>
          <a:bodyPr/>
          <a:lstStyle/>
          <a:p>
            <a:r>
              <a:rPr lang="en-GB" sz="2000"/>
              <a:t>POG TARGET MARKETS COMMERCIAL – </a:t>
            </a:r>
            <a:r>
              <a:rPr lang="en-GB" sz="2000" b="1"/>
              <a:t>PERSON NORWAY 1/2</a:t>
            </a:r>
            <a:endParaRPr lang="en-US" b="1"/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618363D7-5EDB-44C7-80E0-84CF75A84D2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84855271"/>
              </p:ext>
            </p:extLst>
          </p:nvPr>
        </p:nvGraphicFramePr>
        <p:xfrm>
          <a:off x="330000" y="706013"/>
          <a:ext cx="11243562" cy="5276384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1873927">
                  <a:extLst>
                    <a:ext uri="{9D8B030D-6E8A-4147-A177-3AD203B41FA5}">
                      <a16:colId xmlns:a16="http://schemas.microsoft.com/office/drawing/2014/main" val="3210046240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3964206995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97584591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61306094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15403849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96287236"/>
                    </a:ext>
                  </a:extLst>
                </a:gridCol>
              </a:tblGrid>
              <a:tr h="275914"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PRODU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OT 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100" b="1" u="none" strike="noStrike" noProof="0">
                          <a:solidFill>
                            <a:schemeClr val="bg1"/>
                          </a:solidFill>
                        </a:rPr>
                        <a:t>DISTRIBUTION CHANNELS</a:t>
                      </a:r>
                      <a:endParaRPr lang="sv-SE" sz="120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100" b="1" u="none" strike="noStrike">
                          <a:solidFill>
                            <a:schemeClr val="bg1"/>
                          </a:solidFill>
                          <a:effectLst/>
                        </a:rPr>
                        <a:t>CHANGES SINCE LAST REVISION (2020)</a:t>
                      </a:r>
                    </a:p>
                    <a:p>
                      <a:pPr lvl="0" algn="l">
                        <a:buNone/>
                      </a:pPr>
                      <a:endParaRPr lang="en-US" sz="1100" b="1" i="0" u="none" strike="noStrike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AME and DATE OF REVIE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86234528"/>
                  </a:ext>
                </a:extLst>
              </a:tr>
              <a:tr h="379041">
                <a:tc>
                  <a:txBody>
                    <a:bodyPr/>
                    <a:lstStyle/>
                    <a:p>
                      <a:pPr algn="l" fontAlgn="t"/>
                      <a:r>
                        <a:rPr lang="en-GB" sz="1000" b="0" i="0" u="none" strike="noStrike" noProof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Workers compensati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 dirty="0"/>
                        <a:t>All companies with employees and entrepreneurs who wish to cover themselves.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. </a:t>
                      </a:r>
                      <a:r>
                        <a:rPr kumimoji="0" lang="en-US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8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GB" sz="800" b="0" i="0" u="none" strike="noStrike">
                          <a:solidFill>
                            <a:srgbClr val="000000"/>
                          </a:solidFill>
                          <a:effectLst/>
                          <a:latin typeface="If Sans Light" panose="00000400000000000000" pitchFamily="2" charset="0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Kai-Rune Bjella-Fosshaug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8787303"/>
                  </a:ext>
                </a:extLst>
              </a:tr>
              <a:tr h="379041">
                <a:tc>
                  <a:txBody>
                    <a:bodyPr/>
                    <a:lstStyle/>
                    <a:p>
                      <a:r>
                        <a:rPr lang="en-GB" sz="1000" noProof="0"/>
                        <a:t>Business trave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b="0" kern="1200" noProof="0">
                          <a:solidFill>
                            <a:schemeClr val="dk1"/>
                          </a:solidFill>
                          <a:effectLst/>
                        </a:rPr>
                        <a:t>Companies with employees who travel</a:t>
                      </a:r>
                      <a:endParaRPr lang="en-GB" sz="800" noProof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Private persons</a:t>
                      </a:r>
                      <a:endParaRPr lang="en-GB" sz="800" noProof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. </a:t>
                      </a:r>
                      <a:r>
                        <a:rPr kumimoji="0" lang="en-US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8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ew product level (Standard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Kai-Rune Bjella-Fosshaug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22534850"/>
                  </a:ext>
                </a:extLst>
              </a:tr>
              <a:tr h="493192">
                <a:tc>
                  <a:txBody>
                    <a:bodyPr/>
                    <a:lstStyle/>
                    <a:p>
                      <a:r>
                        <a:rPr lang="en-GB" sz="1000" noProof="0"/>
                        <a:t>Health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Companies that wish to insure their employe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Private persons</a:t>
                      </a:r>
                      <a:endParaRPr lang="en-GB" sz="800" noProof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. </a:t>
                      </a:r>
                      <a:r>
                        <a:rPr kumimoji="0" lang="en-US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8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BA Private has started sales to private persons. COM served private persons through Vertikal Helse before that. New product levels (Basic and Standard).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Håkon Sirnes Øien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20210793"/>
                  </a:ext>
                </a:extLst>
              </a:tr>
              <a:tr h="379041">
                <a:tc>
                  <a:txBody>
                    <a:bodyPr/>
                    <a:lstStyle/>
                    <a:p>
                      <a:r>
                        <a:rPr lang="en-GB" sz="1000" noProof="0"/>
                        <a:t>Key pers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rtl="0" fontAlgn="base"/>
                      <a:r>
                        <a:rPr lang="en-GB" sz="800" b="0" kern="1200" noProof="0">
                          <a:solidFill>
                            <a:schemeClr val="dk1"/>
                          </a:solidFill>
                          <a:effectLst/>
                        </a:rPr>
                        <a:t>Small businesses</a:t>
                      </a:r>
                      <a:endParaRPr lang="en-GB" sz="800" b="0" i="0" kern="1200" noProof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Private persons</a:t>
                      </a:r>
                      <a:endParaRPr lang="en-GB" sz="800" noProof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Kai-Rune Bjella-Fosshaug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909339229"/>
                  </a:ext>
                </a:extLst>
              </a:tr>
              <a:tr h="354743">
                <a:tc>
                  <a:txBody>
                    <a:bodyPr/>
                    <a:lstStyle/>
                    <a:p>
                      <a:pPr lvl="0" algn="l" fontAlgn="t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Dental insuranc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Companies that wish to insure their</a:t>
                      </a:r>
                      <a:b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</a:br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employe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Private persons</a:t>
                      </a:r>
                      <a:endParaRPr lang="en-GB" sz="800" noProof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Håkon Sirnes Øien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58866623"/>
                  </a:ext>
                </a:extLst>
              </a:tr>
              <a:tr h="354743">
                <a:tc>
                  <a:txBody>
                    <a:bodyPr/>
                    <a:lstStyle/>
                    <a:p>
                      <a:pPr algn="l" fontAlgn="t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Leisure accident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</a:t>
                      </a:r>
                      <a:r>
                        <a:rPr lang="en-GB" sz="800" noProof="0"/>
                        <a:t>All companies with employees and</a:t>
                      </a:r>
                      <a:br>
                        <a:rPr lang="en-GB" sz="800" noProof="0"/>
                      </a:br>
                      <a:r>
                        <a:rPr lang="en-GB" sz="800" noProof="0"/>
                        <a:t>   entrepreneurs who wish to cover </a:t>
                      </a:r>
                    </a:p>
                    <a:p>
                      <a:pPr algn="l"/>
                      <a:r>
                        <a:rPr lang="en-GB" sz="800" noProof="0"/>
                        <a:t>   themselves. 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.</a:t>
                      </a:r>
                      <a:r>
                        <a:rPr kumimoji="0" lang="en-US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P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8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Kai-Rune Bjella-Fosshaug,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290394149"/>
                  </a:ext>
                </a:extLst>
              </a:tr>
              <a:tr h="354743">
                <a:tc>
                  <a:txBody>
                    <a:bodyPr/>
                    <a:lstStyle/>
                    <a:p>
                      <a:pPr algn="l" fontAlgn="b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Death other illnes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All companies with employees and</a:t>
                      </a:r>
                      <a:b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</a:br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entrepreneurs who wish to cover </a:t>
                      </a:r>
                    </a:p>
                    <a:p>
                      <a:pPr algn="l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themselves. </a:t>
                      </a:r>
                      <a:endParaRPr lang="en-GB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Privat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. </a:t>
                      </a:r>
                      <a:r>
                        <a:rPr kumimoji="0" lang="en-US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8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Kai-Rune Bjella-Fosshaug,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7830055"/>
                  </a:ext>
                </a:extLst>
              </a:tr>
              <a:tr h="446466">
                <a:tc>
                  <a:txBody>
                    <a:bodyPr/>
                    <a:lstStyle/>
                    <a:p>
                      <a:pPr algn="l" fontAlgn="b"/>
                      <a:r>
                        <a:rPr lang="en-GB" sz="1000" b="0" i="0" u="none" strike="noStrike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   </a:t>
                      </a:r>
                      <a:r>
                        <a:rPr lang="en-GB" sz="10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isability other illnes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All companies with employees and</a:t>
                      </a:r>
                      <a:b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</a:br>
                      <a: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entrepreneurs who wish to cover </a:t>
                      </a:r>
                    </a:p>
                    <a:p>
                      <a:pPr algn="l" fontAlgn="b"/>
                      <a: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themselves. </a:t>
                      </a:r>
                      <a:endParaRPr lang="en-GB" sz="800" b="0" i="0" u="none" strike="noStrike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Private pers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. </a:t>
                      </a:r>
                      <a:r>
                        <a:rPr kumimoji="0" lang="en-US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8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8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Kai-Rune Bjella-Fosshaug,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13479841"/>
                  </a:ext>
                </a:extLst>
              </a:tr>
              <a:tr h="446466">
                <a:tc>
                  <a:txBody>
                    <a:bodyPr/>
                    <a:lstStyle/>
                    <a:p>
                      <a:pPr algn="l" fontAlgn="b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Death all caus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All companies with employees and</a:t>
                      </a:r>
                      <a:b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</a:br>
                      <a: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entrepreneurs who wish to cover </a:t>
                      </a:r>
                    </a:p>
                    <a:p>
                      <a:pPr algn="l" fontAlgn="b"/>
                      <a: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themselves. </a:t>
                      </a:r>
                      <a:endParaRPr lang="en-GB" sz="800" b="0" i="0" u="none" strike="noStrike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Private pers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Kai-Rune Bjella-Fosshaug,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44823647"/>
                  </a:ext>
                </a:extLst>
              </a:tr>
              <a:tr h="592251">
                <a:tc>
                  <a:txBody>
                    <a:bodyPr/>
                    <a:lstStyle/>
                    <a:p>
                      <a:pPr algn="l" fontAlgn="b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Disability all cause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All companies with employees and</a:t>
                      </a:r>
                      <a:b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</a:br>
                      <a: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entrepreneurs who wish to cover </a:t>
                      </a:r>
                    </a:p>
                    <a:p>
                      <a:pPr algn="l" fontAlgn="b"/>
                      <a:r>
                        <a:rPr lang="en-US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themselves. </a:t>
                      </a:r>
                      <a:endParaRPr lang="en-GB" sz="800" b="0" i="0" u="none" strike="noStrike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Private pers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Kai-Rune Bjella-Fosshaug,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923539506"/>
                  </a:ext>
                </a:extLst>
              </a:tr>
              <a:tr h="379041">
                <a:tc>
                  <a:txBody>
                    <a:bodyPr/>
                    <a:lstStyle/>
                    <a:p>
                      <a:pPr algn="l" fontAlgn="t"/>
                      <a:r>
                        <a:rPr lang="en-GB" sz="1000" b="0" u="none" strike="noStrike">
                          <a:solidFill>
                            <a:srgbClr val="000000"/>
                          </a:solidFill>
                          <a:effectLst/>
                        </a:rPr>
                        <a:t>   Personal accident</a:t>
                      </a:r>
                      <a:endParaRPr lang="en-GB" sz="10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Groups of people who are attending</a:t>
                      </a:r>
                      <a:br>
                        <a:rPr lang="en-GB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</a:br>
                      <a:r>
                        <a:rPr lang="en-GB" sz="800" b="0" i="0" u="none" strike="noStrike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   voluntarily (not employees)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Private persons</a:t>
                      </a:r>
                      <a:endParaRPr lang="en-GB" sz="800" noProof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Kai-Rune Bjella-Fosshaug,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484862669"/>
                  </a:ext>
                </a:extLst>
              </a:tr>
            </a:tbl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9F690155-B928-55EF-2913-65D2C957FBCE}"/>
              </a:ext>
            </a:extLst>
          </p:cNvPr>
          <p:cNvSpPr txBox="1"/>
          <p:nvPr/>
        </p:nvSpPr>
        <p:spPr>
          <a:xfrm>
            <a:off x="330000" y="6414651"/>
            <a:ext cx="9279946" cy="246221"/>
          </a:xfrm>
          <a:prstGeom prst="rect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 If Distribution channels: Customer Center, Remote, Large, Broker, Mobility, Partners, Tied Agents, </a:t>
            </a:r>
            <a:r>
              <a:rPr kumimoji="0" lang="en-US" sz="1600" b="0" i="1" u="none" strike="noStrike" kern="1200" cap="none" spc="0" normalizeH="0" baseline="0" noProof="0" err="1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Webshop</a:t>
            </a: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 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4258757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157D7CB1-754B-43B5-B7F6-8A97E23537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000" y="31083"/>
            <a:ext cx="11328000" cy="936000"/>
          </a:xfrm>
        </p:spPr>
        <p:txBody>
          <a:bodyPr/>
          <a:lstStyle/>
          <a:p>
            <a:r>
              <a:rPr lang="en-GB" sz="2000"/>
              <a:t>POG TARGET MARKETS COMMERCIAL – </a:t>
            </a:r>
            <a:r>
              <a:rPr lang="en-GB" sz="2000" b="1"/>
              <a:t>PERSON NORWAY 2/2</a:t>
            </a:r>
            <a:endParaRPr lang="en-US" b="1"/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618363D7-5EDB-44C7-80E0-84CF75A84D2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348190407"/>
              </p:ext>
            </p:extLst>
          </p:nvPr>
        </p:nvGraphicFramePr>
        <p:xfrm>
          <a:off x="330000" y="967083"/>
          <a:ext cx="11243562" cy="2939062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1873927">
                  <a:extLst>
                    <a:ext uri="{9D8B030D-6E8A-4147-A177-3AD203B41FA5}">
                      <a16:colId xmlns:a16="http://schemas.microsoft.com/office/drawing/2014/main" val="3210046240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3964206995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97584591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61306094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15403849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96287236"/>
                    </a:ext>
                  </a:extLst>
                </a:gridCol>
              </a:tblGrid>
              <a:tr h="147237"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PRODU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OT 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100" b="1" u="none" strike="noStrike" noProof="0">
                          <a:solidFill>
                            <a:schemeClr val="bg1"/>
                          </a:solidFill>
                        </a:rPr>
                        <a:t>DISTRIBUTION CHANNELS</a:t>
                      </a:r>
                      <a:endParaRPr lang="sv-SE" sz="120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100" b="1" u="none" strike="noStrike">
                          <a:solidFill>
                            <a:schemeClr val="bg1"/>
                          </a:solidFill>
                          <a:effectLst/>
                        </a:rPr>
                        <a:t>CHANGES SINCE LAST REVISION (2020)</a:t>
                      </a:r>
                    </a:p>
                    <a:p>
                      <a:pPr lvl="0" algn="l">
                        <a:buNone/>
                      </a:pPr>
                      <a:endParaRPr lang="en-US" sz="1100" b="1" i="0" u="none" strike="noStrike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AME and DATE OF REVIE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86234528"/>
                  </a:ext>
                </a:extLst>
              </a:tr>
              <a:tr h="379041">
                <a:tc>
                  <a:txBody>
                    <a:bodyPr/>
                    <a:lstStyle/>
                    <a:p>
                      <a:pPr algn="l" fontAlgn="b">
                        <a:lnSpc>
                          <a:spcPct val="150000"/>
                        </a:lnSpc>
                      </a:pPr>
                      <a:r>
                        <a:rPr lang="en-GB" sz="1000" b="0" u="none" strike="noStrike">
                          <a:solidFill>
                            <a:schemeClr val="tx1"/>
                          </a:solidFill>
                          <a:effectLst/>
                        </a:rPr>
                        <a:t>   Foreign visitors</a:t>
                      </a:r>
                      <a:endParaRPr lang="en-GB" sz="1000" b="0" i="0" u="none" strike="noStrike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800" b="0" u="none" strike="noStrike">
                          <a:solidFill>
                            <a:schemeClr val="tx1"/>
                          </a:solidFill>
                          <a:effectLst/>
                        </a:rPr>
                        <a:t>   Companies with employees/visitors who</a:t>
                      </a:r>
                      <a:br>
                        <a:rPr lang="en-GB" sz="800" b="0" u="none" strike="noStrike">
                          <a:solidFill>
                            <a:schemeClr val="tx1"/>
                          </a:solidFill>
                          <a:effectLst/>
                        </a:rPr>
                      </a:br>
                      <a:r>
                        <a:rPr lang="en-GB" sz="800" b="0" u="none" strike="noStrike">
                          <a:solidFill>
                            <a:schemeClr val="tx1"/>
                          </a:solidFill>
                          <a:effectLst/>
                        </a:rPr>
                        <a:t>   are temporarily living in Norway</a:t>
                      </a:r>
                      <a:endParaRPr lang="en-GB" sz="800" b="0" i="0" u="none" strike="noStrike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b="0" kern="1200" noProof="0">
                          <a:solidFill>
                            <a:schemeClr val="dk1"/>
                          </a:solidFill>
                          <a:effectLst/>
                        </a:rPr>
                        <a:t>Private persons</a:t>
                      </a:r>
                      <a:endParaRPr lang="en-GB" sz="800" noProof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Kai-Rune Bjella-Fosshaug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8787303"/>
                  </a:ext>
                </a:extLst>
              </a:tr>
              <a:tr h="379041">
                <a:tc>
                  <a:txBody>
                    <a:bodyPr/>
                    <a:lstStyle/>
                    <a:p>
                      <a:pPr algn="l" fontAlgn="b"/>
                      <a:r>
                        <a:rPr lang="en-GB" sz="1000" b="0" u="none" strike="noStrike">
                          <a:solidFill>
                            <a:srgbClr val="000000"/>
                          </a:solidFill>
                          <a:effectLst/>
                        </a:rPr>
                        <a:t>   Expatriate</a:t>
                      </a:r>
                      <a:endParaRPr lang="en-GB" sz="10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800" b="0" u="none" strike="noStrike">
                          <a:solidFill>
                            <a:srgbClr val="000000"/>
                          </a:solidFill>
                          <a:effectLst/>
                        </a:rPr>
                        <a:t>   Companies with employees stationed</a:t>
                      </a:r>
                      <a:br>
                        <a:rPr lang="en-GB" sz="800" b="0" u="none" strike="noStrike">
                          <a:solidFill>
                            <a:srgbClr val="000000"/>
                          </a:solidFill>
                          <a:effectLst/>
                        </a:rPr>
                      </a:br>
                      <a:r>
                        <a:rPr lang="en-GB" sz="800" b="0" u="none" strike="noStrike">
                          <a:solidFill>
                            <a:srgbClr val="000000"/>
                          </a:solidFill>
                          <a:effectLst/>
                        </a:rPr>
                        <a:t>   abroad</a:t>
                      </a:r>
                      <a:endParaRPr lang="en-GB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800" b="0" u="none" strike="noStrike">
                          <a:solidFill>
                            <a:srgbClr val="000000"/>
                          </a:solidFill>
                          <a:effectLst/>
                        </a:rPr>
                        <a:t>   Private persons and businesses without</a:t>
                      </a:r>
                      <a:br>
                        <a:rPr lang="en-GB" sz="800" b="0" u="none" strike="noStrike">
                          <a:solidFill>
                            <a:srgbClr val="000000"/>
                          </a:solidFill>
                          <a:effectLst/>
                        </a:rPr>
                      </a:br>
                      <a:r>
                        <a:rPr lang="en-GB" sz="800" b="0" u="none" strike="noStrike">
                          <a:solidFill>
                            <a:srgbClr val="000000"/>
                          </a:solidFill>
                          <a:effectLst/>
                        </a:rPr>
                        <a:t>   employees stationed abroad</a:t>
                      </a:r>
                      <a:endParaRPr lang="en-GB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 algn="l">
                        <a:buNone/>
                      </a:pPr>
                      <a:r>
                        <a:rPr lang="en-GB" sz="800" b="0" i="0" u="none" strike="noStrike">
                          <a:solidFill>
                            <a:srgbClr val="000000"/>
                          </a:solidFill>
                          <a:effectLst/>
                          <a:latin typeface="If Sans Light" panose="00000400000000000000" pitchFamily="2" charset="0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Kai-Rune Bjella-Fosshaug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22534850"/>
                  </a:ext>
                </a:extLst>
              </a:tr>
              <a:tr h="538924">
                <a:tc>
                  <a:txBody>
                    <a:bodyPr/>
                    <a:lstStyle/>
                    <a:p>
                      <a:r>
                        <a:rPr lang="en-GB" sz="1000" noProof="0"/>
                        <a:t>Critical illnes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0"/>
                        <a:t>All companies with employees and entrepreneurs and private persons who wish to cover themselves.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N/A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8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b="0" i="0" u="none" strike="noStrike">
                          <a:solidFill>
                            <a:srgbClr val="000000"/>
                          </a:solidFill>
                          <a:effectLst/>
                          <a:latin typeface="If Sans Light" panose="00000400000000000000" pitchFamily="2" charset="0"/>
                        </a:rPr>
                        <a:t>No major changes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If Sans Light" panose="00000400000000000000" pitchFamily="2" charset="0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Kai-Rune Bjella-Fosshaug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20210793"/>
                  </a:ext>
                </a:extLst>
              </a:tr>
              <a:tr h="379041">
                <a:tc>
                  <a:txBody>
                    <a:bodyPr/>
                    <a:lstStyle/>
                    <a:p>
                      <a:r>
                        <a:rPr lang="en-GB" sz="1000" noProof="0"/>
                        <a:t>Prolonged illnes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 rtl="0" fontAlgn="base"/>
                      <a:r>
                        <a:rPr lang="en-GB" sz="800" noProof="0"/>
                        <a:t>All companies with employees </a:t>
                      </a:r>
                      <a:endParaRPr lang="en-GB" sz="800" b="0" i="0" kern="1200" noProof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Entrepreneurs and 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Kai-Rune Bjella-Fosshaug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909339229"/>
                  </a:ext>
                </a:extLst>
              </a:tr>
              <a:tr h="354743">
                <a:tc>
                  <a:txBody>
                    <a:bodyPr/>
                    <a:lstStyle/>
                    <a:p>
                      <a:pPr lvl="0" algn="l" fontAlgn="t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Sick pay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t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0"/>
                        <a:t>   </a:t>
                      </a:r>
                    </a:p>
                    <a:p>
                      <a:pPr marL="0" marR="0" lvl="0" indent="0" algn="l" defTabSz="914400" rtl="0" eaLnBrk="1" fontAlgn="t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0"/>
                        <a:t>   All companies with employees </a:t>
                      </a:r>
                      <a:endParaRPr lang="en-GB" sz="800" b="0" i="0" kern="1200" noProof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l" fontAlgn="t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0"/>
                        <a:t>Entrepreneurs and 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Kai-Rune Bjella-Fosshaug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58866623"/>
                  </a:ext>
                </a:extLst>
              </a:tr>
              <a:tr h="354743">
                <a:tc>
                  <a:txBody>
                    <a:bodyPr/>
                    <a:lstStyle/>
                    <a:p>
                      <a:pPr algn="l" fontAlgn="t"/>
                      <a:r>
                        <a:rPr lang="en-GB" sz="1000" b="0" i="0" u="none" strike="noStrike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   Licens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0"/>
                        <a:t>  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0"/>
                        <a:t>   All companies with employees </a:t>
                      </a:r>
                      <a:endParaRPr lang="en-GB" sz="800" b="0" i="0" kern="1200" noProof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algn="l"/>
                      <a:endParaRPr lang="en-GB" sz="800" noProof="0"/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0"/>
                        <a:t>Entrepreneurs and 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/>
                        <a:t>Customer </a:t>
                      </a:r>
                      <a:r>
                        <a:rPr lang="en-GB" sz="800" err="1"/>
                        <a:t>Center</a:t>
                      </a:r>
                      <a:r>
                        <a:rPr lang="en-GB" sz="800"/>
                        <a:t>, Remote, 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 panose="00000400000000000000" pitchFamily="2" charset="0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8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Kai-Rune Bjella-Fosshaug, April 2024</a:t>
                      </a:r>
                      <a:endParaRPr kumimoji="0" lang="en-GB" sz="8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290394149"/>
                  </a:ext>
                </a:extLst>
              </a:tr>
            </a:tbl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B65E65FB-8AA5-65AC-DC13-FC48034C7BC3}"/>
              </a:ext>
            </a:extLst>
          </p:cNvPr>
          <p:cNvSpPr txBox="1"/>
          <p:nvPr/>
        </p:nvSpPr>
        <p:spPr>
          <a:xfrm>
            <a:off x="330000" y="6414651"/>
            <a:ext cx="9279946" cy="246221"/>
          </a:xfrm>
          <a:prstGeom prst="rect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 If Distribution channels: Customer Center, Remote, Large, Broker, Mobility, Partners, Tied agents, </a:t>
            </a:r>
            <a:r>
              <a:rPr kumimoji="0" lang="en-US" sz="1600" b="0" i="1" u="none" strike="noStrike" kern="1200" cap="none" spc="0" normalizeH="0" baseline="0" noProof="0" err="1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Webshop</a:t>
            </a: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 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404698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F9B32D-30C7-F9E8-B954-74CB998E735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>
                <a:latin typeface="If Sans Thin"/>
              </a:rPr>
              <a:t>Fish </a:t>
            </a:r>
            <a:r>
              <a:rPr lang="nb-NO" err="1">
                <a:latin typeface="If Sans Thin"/>
              </a:rPr>
              <a:t>farming</a:t>
            </a:r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77F4C09-C575-2F48-4635-0C290897F3D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pPr>
              <a:buNone/>
            </a:pPr>
            <a:r>
              <a:rPr lang="nb-NO"/>
              <a:t>Johnny Elvrum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57CEA0D-7FE8-F597-AA38-CC0C4D6F848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en-GB"/>
              <a:t>Applies for Norway and Denmark. </a:t>
            </a:r>
          </a:p>
          <a:p>
            <a:r>
              <a:rPr lang="en-GB"/>
              <a:t>Business in Finland and Sweden is handled form Norway, Norwegian products and terms</a:t>
            </a:r>
          </a:p>
        </p:txBody>
      </p:sp>
    </p:spTree>
    <p:extLst>
      <p:ext uri="{BB962C8B-B14F-4D97-AF65-F5344CB8AC3E}">
        <p14:creationId xmlns:p14="http://schemas.microsoft.com/office/powerpoint/2010/main" val="255546547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157D7CB1-754B-43B5-B7F6-8A97E23537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000" y="320238"/>
            <a:ext cx="11328000" cy="936000"/>
          </a:xfrm>
        </p:spPr>
        <p:txBody>
          <a:bodyPr/>
          <a:lstStyle/>
          <a:p>
            <a:r>
              <a:rPr lang="en-GB" sz="2000"/>
              <a:t>POG TARGET MARKETS COMMERCIAL – </a:t>
            </a:r>
            <a:r>
              <a:rPr lang="en-GB" sz="2000" b="1"/>
              <a:t>FISH FARMING NORWAY</a:t>
            </a:r>
            <a:endParaRPr lang="en-US" b="1"/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618363D7-5EDB-44C7-80E0-84CF75A84D2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77965109"/>
              </p:ext>
            </p:extLst>
          </p:nvPr>
        </p:nvGraphicFramePr>
        <p:xfrm>
          <a:off x="169258" y="908380"/>
          <a:ext cx="11243562" cy="2158365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1873927">
                  <a:extLst>
                    <a:ext uri="{9D8B030D-6E8A-4147-A177-3AD203B41FA5}">
                      <a16:colId xmlns:a16="http://schemas.microsoft.com/office/drawing/2014/main" val="3210046240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3964206995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97584591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61306094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15403849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9628723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PRODU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OT 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100" b="1" u="none" strike="noStrike" noProof="0">
                          <a:solidFill>
                            <a:schemeClr val="bg1"/>
                          </a:solidFill>
                        </a:rPr>
                        <a:t>DISTRIBUTION CHANNELS</a:t>
                      </a:r>
                      <a:endParaRPr lang="sv-SE" sz="120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100" b="1" u="none" strike="noStrike">
                          <a:solidFill>
                            <a:schemeClr val="bg1"/>
                          </a:solidFill>
                          <a:effectLst/>
                        </a:rPr>
                        <a:t>CHANGES SINCE LAST REVISION (2020)</a:t>
                      </a:r>
                    </a:p>
                    <a:p>
                      <a:pPr lvl="0" algn="l">
                        <a:buNone/>
                      </a:pPr>
                      <a:endParaRPr lang="en-US" sz="1100" b="1" i="0" u="none" strike="noStrike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AME and DATE OF REVIE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862345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Biomass - </a:t>
                      </a:r>
                      <a:r>
                        <a:rPr lang="en-GB" sz="1000" err="1"/>
                        <a:t>landbased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Companies owning live stock fish in tanks on shore</a:t>
                      </a:r>
                      <a:endParaRPr lang="en-GB" sz="1000"/>
                    </a:p>
                    <a:p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Private persons, all other</a:t>
                      </a:r>
                      <a:endParaRPr lang="en-GB" sz="1000" noProof="0"/>
                    </a:p>
                    <a:p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Open Sans For If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Johnny Elvrum,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87873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Biomass – </a:t>
                      </a:r>
                      <a:r>
                        <a:rPr lang="en-GB" sz="1000" err="1"/>
                        <a:t>seabased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Companies owning live stock fish in sea-cages</a:t>
                      </a:r>
                      <a:endParaRPr lang="en-GB" sz="1000"/>
                    </a:p>
                    <a:p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Private persons, all other</a:t>
                      </a:r>
                      <a:endParaRPr lang="en-GB" sz="1000" noProof="0"/>
                    </a:p>
                    <a:p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Large, Broke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Open Sans For If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Johnny Elvrum,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2253485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Floating equipment for </a:t>
                      </a:r>
                      <a:r>
                        <a:rPr lang="en-GB" sz="1000" err="1"/>
                        <a:t>fishfarming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Companies owning live stock fish in sea-cages</a:t>
                      </a:r>
                      <a:endParaRPr lang="en-GB" sz="1000"/>
                    </a:p>
                    <a:p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</a:rPr>
                        <a:t>Private persons, all other</a:t>
                      </a:r>
                      <a:endParaRPr lang="en-GB" sz="1000" noProof="0"/>
                    </a:p>
                    <a:p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Large, Broker</a:t>
                      </a:r>
                    </a:p>
                    <a:p>
                      <a:pPr lvl="0">
                        <a:buNone/>
                      </a:pPr>
                      <a:endParaRPr lang="en-GB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Open Sans For If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Johnny Elvrum,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20210793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524255C7-F9C0-5550-E3AA-9FCC07D11FD2}"/>
              </a:ext>
            </a:extLst>
          </p:cNvPr>
          <p:cNvSpPr txBox="1"/>
          <p:nvPr/>
        </p:nvSpPr>
        <p:spPr>
          <a:xfrm>
            <a:off x="330000" y="6414651"/>
            <a:ext cx="9279946" cy="246221"/>
          </a:xfrm>
          <a:prstGeom prst="rect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 If Distribution channels: Customer Center, Remote, Large, Broker, Mobility, Partners, Tied Agents, </a:t>
            </a:r>
            <a:r>
              <a:rPr kumimoji="0" lang="en-US" sz="1600" b="0" i="1" u="none" strike="noStrike" kern="1200" cap="none" spc="0" normalizeH="0" baseline="0" noProof="0" err="1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Webshop</a:t>
            </a: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 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765538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A62274-0691-8864-A3C5-92963973EC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POG (</a:t>
            </a:r>
            <a:r>
              <a:rPr lang="en-GB" b="0" i="0" dirty="0">
                <a:effectLst/>
              </a:rPr>
              <a:t>Product Oversight and Governance)?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C6BF2CC-2BED-3C40-99EE-8C443EE89AD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2000" y="997531"/>
            <a:ext cx="11328000" cy="4995235"/>
          </a:xfrm>
        </p:spPr>
        <p:txBody>
          <a:bodyPr/>
          <a:lstStyle/>
          <a:p>
            <a:r>
              <a:rPr lang="en-US" b="0" i="0" dirty="0">
                <a:effectLst/>
              </a:rPr>
              <a:t>The </a:t>
            </a:r>
            <a:r>
              <a:rPr lang="en-US" b="1" i="0" dirty="0">
                <a:effectLst/>
              </a:rPr>
              <a:t>Insurance Distribution Directive </a:t>
            </a:r>
            <a:r>
              <a:rPr lang="en-US" b="0" i="0" dirty="0">
                <a:effectLst/>
              </a:rPr>
              <a:t>(</a:t>
            </a:r>
            <a:r>
              <a:rPr lang="en-US" b="1" i="0" dirty="0">
                <a:effectLst/>
              </a:rPr>
              <a:t>IDD</a:t>
            </a:r>
            <a:r>
              <a:rPr lang="en-US" b="0" i="0" dirty="0">
                <a:effectLst/>
              </a:rPr>
              <a:t>) </a:t>
            </a:r>
            <a:r>
              <a:rPr lang="en-US" dirty="0"/>
              <a:t>from </a:t>
            </a:r>
            <a:r>
              <a:rPr lang="en-US" b="0" i="0" dirty="0">
                <a:effectLst/>
              </a:rPr>
              <a:t>EU: Regulates how insurance products are designed and distributed in the EU. It sets out to harmonize regulation of the insurance market across the single European market and to </a:t>
            </a:r>
            <a:r>
              <a:rPr lang="en-US" i="0" dirty="0">
                <a:effectLst/>
              </a:rPr>
              <a:t>improve consumer protection standards</a:t>
            </a:r>
            <a:r>
              <a:rPr lang="en-US" b="0" i="0" dirty="0">
                <a:effectLst/>
              </a:rPr>
              <a:t>. The IDD aims to </a:t>
            </a:r>
            <a:r>
              <a:rPr lang="en-US" b="1" i="0" dirty="0">
                <a:effectLst/>
              </a:rPr>
              <a:t>ensure that distributors take responsibility for consumer outcomes and that the products sold meet consumers’ needs.</a:t>
            </a:r>
          </a:p>
          <a:p>
            <a:r>
              <a:rPr lang="en-US" b="0" i="0" dirty="0">
                <a:effectLst/>
              </a:rPr>
              <a:t>Product Oversight and Governance (</a:t>
            </a:r>
            <a:r>
              <a:rPr lang="en-US" b="1" i="0" dirty="0">
                <a:effectLst/>
              </a:rPr>
              <a:t>POG</a:t>
            </a:r>
            <a:r>
              <a:rPr lang="en-US" b="0" i="0" dirty="0">
                <a:effectLst/>
              </a:rPr>
              <a:t>) requirements aim at ensuring that the interests of customers take prime importance during </a:t>
            </a:r>
            <a:r>
              <a:rPr lang="en-US" b="1" i="0" dirty="0">
                <a:effectLst/>
              </a:rPr>
              <a:t>product design and throughout the lifecycle of a product</a:t>
            </a:r>
            <a:r>
              <a:rPr lang="en-US" b="0" i="0" dirty="0">
                <a:effectLst/>
              </a:rPr>
              <a:t>, including within arrangements for its distribution.</a:t>
            </a:r>
          </a:p>
          <a:p>
            <a:r>
              <a:rPr lang="en-US" dirty="0"/>
              <a:t>The insurance company shall identify the </a:t>
            </a:r>
            <a:r>
              <a:rPr lang="en-US" b="1" dirty="0"/>
              <a:t>target market </a:t>
            </a:r>
            <a:r>
              <a:rPr lang="en-US" dirty="0"/>
              <a:t>for each insurance product and specify the group of customers for whom the insurance product is compatible. This presentation contains all POG target markets for Norway.</a:t>
            </a:r>
            <a:endParaRPr lang="nb-NO" dirty="0"/>
          </a:p>
          <a:p>
            <a:endParaRPr lang="nb-NO" dirty="0"/>
          </a:p>
          <a:p>
            <a:endParaRPr lang="nb-NO" dirty="0"/>
          </a:p>
          <a:p>
            <a:r>
              <a:rPr lang="nb-NO" dirty="0"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Link</a:t>
            </a:r>
            <a:endParaRPr lang="nb-NO" dirty="0"/>
          </a:p>
          <a:p>
            <a:endParaRPr lang="nb-NO" dirty="0"/>
          </a:p>
          <a:p>
            <a:endParaRPr lang="nb-NO" dirty="0"/>
          </a:p>
          <a:p>
            <a:endParaRPr lang="nb-NO" dirty="0"/>
          </a:p>
          <a:p>
            <a:endParaRPr lang="nb-NO" dirty="0"/>
          </a:p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AB84-BB8F-7D3C-A56A-4AFC5B4E62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598DB8-A99A-BE13-F625-082996537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AC86CE-6EFB-F372-CBB0-38D37195EB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2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3798119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Placeholder 9" descr="Three people wearing glasses smiling and looking at two tablets">
            <a:extLst>
              <a:ext uri="{FF2B5EF4-FFF2-40B4-BE49-F238E27FC236}">
                <a16:creationId xmlns:a16="http://schemas.microsoft.com/office/drawing/2014/main" id="{3186337B-B177-9BD9-231B-2AD15094C498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341" r="20341"/>
          <a:stretch>
            <a:fillRect/>
          </a:stretch>
        </p:blipFill>
        <p:spPr/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8592AC-9896-5C65-CBF0-CBB54D4EAB19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r>
              <a:rPr lang="en-GB" dirty="0"/>
              <a:t>Changes in general terms: Exclusion of Russia, non-state controlled areas i Ukraine etc. Applies for all products. This has been informed to all customers. </a:t>
            </a:r>
          </a:p>
          <a:p>
            <a:r>
              <a:rPr lang="en-GB" sz="2000" i="0" u="none" strike="noStrike" dirty="0">
                <a:effectLst/>
              </a:rPr>
              <a:t>Removed Covid related information in this revision. </a:t>
            </a:r>
          </a:p>
          <a:p>
            <a:r>
              <a:rPr lang="en-GB" b="1" dirty="0"/>
              <a:t>Costal hull </a:t>
            </a:r>
            <a:r>
              <a:rPr lang="en-GB" dirty="0"/>
              <a:t>and </a:t>
            </a:r>
            <a:r>
              <a:rPr lang="en-GB" b="1" dirty="0"/>
              <a:t>Cargo/Transport</a:t>
            </a:r>
            <a:r>
              <a:rPr lang="en-GB" dirty="0"/>
              <a:t>: These product areas are excluded from the POG requirements since they are classified as “Large risks” in the EU regulation. IDD </a:t>
            </a:r>
            <a:r>
              <a:rPr lang="en-GB" dirty="0" err="1"/>
              <a:t>artikkel</a:t>
            </a:r>
            <a:r>
              <a:rPr lang="en-GB" dirty="0"/>
              <a:t> 25, no. 4. Large risks are defined in </a:t>
            </a:r>
            <a:r>
              <a:rPr lang="en-GB" dirty="0" err="1"/>
              <a:t>Finansforetaksforskriften</a:t>
            </a:r>
            <a:r>
              <a:rPr lang="en-GB" dirty="0"/>
              <a:t> </a:t>
            </a:r>
            <a:r>
              <a:rPr lang="nb-NO" sz="2000" u="none" strike="noStrike" dirty="0">
                <a:solidFill>
                  <a:srgbClr val="0563C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hlinkClick r:id="rId3"/>
              </a:rPr>
              <a:t>§ 2-12 </a:t>
            </a:r>
            <a:r>
              <a:rPr lang="en-GB" dirty="0"/>
              <a:t>: </a:t>
            </a:r>
            <a:r>
              <a:rPr lang="en-GB" dirty="0">
                <a:hlinkClick r:id="rId4"/>
              </a:rPr>
              <a:t>Link</a:t>
            </a:r>
            <a:r>
              <a:rPr lang="nb-NO" dirty="0"/>
              <a:t> 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4373893-C337-CFD2-4A8F-3320830254D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FC1E8ECE-CB79-980A-E1A3-99F002621F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OG: General changes since last revision + general information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7B3F28A-CF03-8129-AF93-9CBBEAC5A3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0E2C32C-0C7C-4679-16C9-497C441C0C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8568FB6-4A3B-E38C-1251-A5052E9FE5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06583814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F9B32D-30C7-F9E8-B954-74CB998E735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 err="1">
                <a:latin typeface="If Sans Thin"/>
              </a:rPr>
              <a:t>Liability</a:t>
            </a:r>
            <a:endParaRPr lang="en-US" err="1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77F4C09-C575-2F48-4635-0C290897F3D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57CEA0D-7FE8-F597-AA38-CC0C4D6F848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vert="horz" lIns="0" tIns="0" rIns="0" bIns="0" rtlCol="0" anchor="t">
            <a:noAutofit/>
          </a:bodyPr>
          <a:lstStyle/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672639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75F75163-7924-7AD4-D592-A9DA26B52767}"/>
              </a:ext>
            </a:extLst>
          </p:cNvPr>
          <p:cNvSpPr txBox="1"/>
          <p:nvPr/>
        </p:nvSpPr>
        <p:spPr>
          <a:xfrm>
            <a:off x="330000" y="6414651"/>
            <a:ext cx="9279946" cy="246221"/>
          </a:xfrm>
          <a:prstGeom prst="rect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 If Distribution channels: Customer center, Remote, Large, Broker, Mobility, Partners, Tied agents, </a:t>
            </a:r>
            <a:r>
              <a:rPr kumimoji="0" lang="en-US" sz="1600" b="0" i="1" u="none" strike="noStrike" kern="1200" cap="none" spc="0" normalizeH="0" baseline="0" noProof="0" err="1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Webshop</a:t>
            </a: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 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157D7CB1-754B-43B5-B7F6-8A97E23537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000" y="-127590"/>
            <a:ext cx="11328000" cy="936000"/>
          </a:xfrm>
        </p:spPr>
        <p:txBody>
          <a:bodyPr/>
          <a:lstStyle/>
          <a:p>
            <a:r>
              <a:rPr lang="en-GB" sz="2000"/>
              <a:t>POG TARGET MARKETS COMMERCIAL – </a:t>
            </a:r>
            <a:r>
              <a:rPr lang="en-GB" sz="2000" b="1"/>
              <a:t>LIABILITY NORWAY 1/2</a:t>
            </a:r>
            <a:endParaRPr lang="en-US" b="1"/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618363D7-5EDB-44C7-80E0-84CF75A84D2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165240539"/>
              </p:ext>
            </p:extLst>
          </p:nvPr>
        </p:nvGraphicFramePr>
        <p:xfrm>
          <a:off x="330000" y="231000"/>
          <a:ext cx="11862000" cy="6873446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1605126">
                  <a:extLst>
                    <a:ext uri="{9D8B030D-6E8A-4147-A177-3AD203B41FA5}">
                      <a16:colId xmlns:a16="http://schemas.microsoft.com/office/drawing/2014/main" val="3210046240"/>
                    </a:ext>
                  </a:extLst>
                </a:gridCol>
                <a:gridCol w="3030279">
                  <a:extLst>
                    <a:ext uri="{9D8B030D-6E8A-4147-A177-3AD203B41FA5}">
                      <a16:colId xmlns:a16="http://schemas.microsoft.com/office/drawing/2014/main" val="3964206995"/>
                    </a:ext>
                  </a:extLst>
                </a:gridCol>
                <a:gridCol w="1295595">
                  <a:extLst>
                    <a:ext uri="{9D8B030D-6E8A-4147-A177-3AD203B41FA5}">
                      <a16:colId xmlns:a16="http://schemas.microsoft.com/office/drawing/2014/main" val="1697584591"/>
                    </a:ext>
                  </a:extLst>
                </a:gridCol>
                <a:gridCol w="2787307">
                  <a:extLst>
                    <a:ext uri="{9D8B030D-6E8A-4147-A177-3AD203B41FA5}">
                      <a16:colId xmlns:a16="http://schemas.microsoft.com/office/drawing/2014/main" val="1661306094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1315403849"/>
                    </a:ext>
                  </a:extLst>
                </a:gridCol>
                <a:gridCol w="1772093">
                  <a:extLst>
                    <a:ext uri="{9D8B030D-6E8A-4147-A177-3AD203B41FA5}">
                      <a16:colId xmlns:a16="http://schemas.microsoft.com/office/drawing/2014/main" val="1396287236"/>
                    </a:ext>
                  </a:extLst>
                </a:gridCol>
              </a:tblGrid>
              <a:tr h="179388"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PRODU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OT 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100" b="1" u="none" strike="noStrike" noProof="0">
                          <a:solidFill>
                            <a:schemeClr val="bg1"/>
                          </a:solidFill>
                        </a:rPr>
                        <a:t>DISTRIBUTION CHANNELS</a:t>
                      </a:r>
                      <a:endParaRPr lang="sv-SE" sz="120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100" b="1" u="none" strike="noStrike">
                          <a:solidFill>
                            <a:schemeClr val="bg1"/>
                          </a:solidFill>
                          <a:effectLst/>
                        </a:rPr>
                        <a:t>CHANGES SINCE LAST REVISION (2020)</a:t>
                      </a:r>
                    </a:p>
                    <a:p>
                      <a:pPr lvl="0" algn="l">
                        <a:buNone/>
                      </a:pPr>
                      <a:endParaRPr lang="en-US" sz="1100" b="1" i="0" u="none" strike="noStrike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AME and DATE OF REVIE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86234528"/>
                  </a:ext>
                </a:extLst>
              </a:tr>
              <a:tr h="567863">
                <a:tc>
                  <a:txBody>
                    <a:bodyPr/>
                    <a:lstStyle/>
                    <a:p>
                      <a:r>
                        <a:rPr lang="en-GB" sz="1000"/>
                        <a:t>General Liability/Operational Liabilit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. 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.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8787303"/>
                  </a:ext>
                </a:extLst>
              </a:tr>
              <a:tr h="152125">
                <a:tc>
                  <a:txBody>
                    <a:bodyPr/>
                    <a:lstStyle/>
                    <a:p>
                      <a:r>
                        <a:rPr lang="en-GB" sz="1000"/>
                        <a:t>Product Liabilit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. 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Q2/Q3 2024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22534850"/>
                  </a:ext>
                </a:extLst>
              </a:tr>
              <a:tr h="444414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Tech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Architects and engine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. 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Q2/Q3 2024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20210793"/>
                  </a:ext>
                </a:extLst>
              </a:tr>
              <a:tr h="444414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Non-Tech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Business consultant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. 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2024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909339229"/>
                  </a:ext>
                </a:extLst>
              </a:tr>
              <a:tr h="320966">
                <a:tc>
                  <a:txBody>
                    <a:bodyPr/>
                    <a:lstStyle/>
                    <a:p>
                      <a:r>
                        <a:rPr lang="en-GB" sz="1000"/>
                        <a:t>IP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9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Open Sans For If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290394149"/>
                  </a:ext>
                </a:extLst>
              </a:tr>
              <a:tr h="320966">
                <a:tc>
                  <a:txBody>
                    <a:bodyPr/>
                    <a:lstStyle/>
                    <a:p>
                      <a:r>
                        <a:rPr lang="en-GB" sz="1000"/>
                        <a:t>Legal expens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 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55645184"/>
                  </a:ext>
                </a:extLst>
              </a:tr>
              <a:tr h="444414">
                <a:tc>
                  <a:txBody>
                    <a:bodyPr/>
                    <a:lstStyle/>
                    <a:p>
                      <a:r>
                        <a:rPr lang="en-GB" sz="1000"/>
                        <a:t>Lawyer Insuranc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. 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 2024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ew product, launched in 202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2024</a:t>
                      </a:r>
                      <a:endParaRPr lang="en-GB" sz="1000"/>
                    </a:p>
                    <a:p>
                      <a:pPr lvl="0">
                        <a:buNone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650747436"/>
                  </a:ext>
                </a:extLst>
              </a:tr>
              <a:tr h="444414">
                <a:tc>
                  <a:txBody>
                    <a:bodyPr/>
                    <a:lstStyle/>
                    <a:p>
                      <a:r>
                        <a:rPr lang="en-GB" sz="1000"/>
                        <a:t>Crime</a:t>
                      </a:r>
                      <a:endParaRPr lang="en-GB" sz="1000" strike="sngStrike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. 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 2024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304770771"/>
                  </a:ext>
                </a:extLst>
              </a:tr>
              <a:tr h="444414">
                <a:tc>
                  <a:txBody>
                    <a:bodyPr/>
                    <a:lstStyle/>
                    <a:p>
                      <a:r>
                        <a:rPr lang="en-GB" sz="1000"/>
                        <a:t>Computer Crim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 that have IT system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. 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294850207"/>
                  </a:ext>
                </a:extLst>
              </a:tr>
              <a:tr h="320966">
                <a:tc>
                  <a:txBody>
                    <a:bodyPr/>
                    <a:lstStyle/>
                    <a:p>
                      <a:r>
                        <a:rPr lang="en-GB" sz="1000"/>
                        <a:t>Identity Thef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3756026"/>
                  </a:ext>
                </a:extLst>
              </a:tr>
              <a:tr h="444414">
                <a:tc>
                  <a:txBody>
                    <a:bodyPr/>
                    <a:lstStyle/>
                    <a:p>
                      <a:r>
                        <a:rPr lang="en-GB" sz="1000"/>
                        <a:t>Management liabilit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Non-commercial entities, non-profit associations and resident owned housing associati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mercial entit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  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06180456"/>
                  </a:ext>
                </a:extLst>
              </a:tr>
              <a:tr h="444414">
                <a:tc>
                  <a:txBody>
                    <a:bodyPr/>
                    <a:lstStyle/>
                    <a:p>
                      <a:r>
                        <a:rPr lang="en-GB" sz="1000"/>
                        <a:t>Management liability C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. 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165051932"/>
                  </a:ext>
                </a:extLst>
              </a:tr>
              <a:tr h="444414">
                <a:tc>
                  <a:txBody>
                    <a:bodyPr/>
                    <a:lstStyle/>
                    <a:p>
                      <a:r>
                        <a:rPr lang="en-GB" sz="1000"/>
                        <a:t>Management Liability Individua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lang="en-GB" sz="1000" i="0"/>
                    </a:p>
                    <a:p>
                      <a:pPr lvl="0">
                        <a:buNone/>
                      </a:pP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lvl="0">
                        <a:buNone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3263799"/>
                  </a:ext>
                </a:extLst>
              </a:tr>
              <a:tr h="444414">
                <a:tc>
                  <a:txBody>
                    <a:bodyPr/>
                    <a:lstStyle/>
                    <a:p>
                      <a:r>
                        <a:rPr lang="en-GB" sz="1000"/>
                        <a:t>Management Liability Internationa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lang="en-GB" sz="1000" i="0"/>
                    </a:p>
                    <a:p>
                      <a:pPr lvl="0">
                        <a:buNone/>
                      </a:pP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lvl="0">
                        <a:buNone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15667058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7173750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42777154-C627-D09B-2928-5666637F0F0A}"/>
              </a:ext>
            </a:extLst>
          </p:cNvPr>
          <p:cNvSpPr txBox="1"/>
          <p:nvPr/>
        </p:nvSpPr>
        <p:spPr>
          <a:xfrm>
            <a:off x="330000" y="6414651"/>
            <a:ext cx="9279946" cy="246221"/>
          </a:xfrm>
          <a:prstGeom prst="rect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 If Distribution channels: Customer center, Remote, Large, Broker, Mobility, Partners, Tied agents, </a:t>
            </a:r>
            <a:r>
              <a:rPr kumimoji="0" lang="en-US" sz="1600" b="0" i="1" u="none" strike="noStrike" kern="1200" cap="none" spc="0" normalizeH="0" baseline="0" noProof="0" err="1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Webshop</a:t>
            </a: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 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157D7CB1-754B-43B5-B7F6-8A97E23537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000" y="320238"/>
            <a:ext cx="11328000" cy="936000"/>
          </a:xfrm>
        </p:spPr>
        <p:txBody>
          <a:bodyPr/>
          <a:lstStyle/>
          <a:p>
            <a:r>
              <a:rPr lang="en-GB" sz="2000"/>
              <a:t>POG TARGET MARKETS COMMERCIAL – </a:t>
            </a:r>
            <a:r>
              <a:rPr lang="en-GB" sz="2000" b="1"/>
              <a:t>LIABILITY NORWAY 2/2</a:t>
            </a:r>
            <a:endParaRPr lang="en-US" sz="2000" b="1"/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618363D7-5EDB-44C7-80E0-84CF75A84D2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481862868"/>
              </p:ext>
            </p:extLst>
          </p:nvPr>
        </p:nvGraphicFramePr>
        <p:xfrm>
          <a:off x="249446" y="158115"/>
          <a:ext cx="11059886" cy="6618139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2790536">
                  <a:extLst>
                    <a:ext uri="{9D8B030D-6E8A-4147-A177-3AD203B41FA5}">
                      <a16:colId xmlns:a16="http://schemas.microsoft.com/office/drawing/2014/main" val="3210046240"/>
                    </a:ext>
                  </a:extLst>
                </a:gridCol>
                <a:gridCol w="1653870">
                  <a:extLst>
                    <a:ext uri="{9D8B030D-6E8A-4147-A177-3AD203B41FA5}">
                      <a16:colId xmlns:a16="http://schemas.microsoft.com/office/drawing/2014/main" val="3964206995"/>
                    </a:ext>
                  </a:extLst>
                </a:gridCol>
                <a:gridCol w="1653870">
                  <a:extLst>
                    <a:ext uri="{9D8B030D-6E8A-4147-A177-3AD203B41FA5}">
                      <a16:colId xmlns:a16="http://schemas.microsoft.com/office/drawing/2014/main" val="1697584591"/>
                    </a:ext>
                  </a:extLst>
                </a:gridCol>
                <a:gridCol w="1905324">
                  <a:extLst>
                    <a:ext uri="{9D8B030D-6E8A-4147-A177-3AD203B41FA5}">
                      <a16:colId xmlns:a16="http://schemas.microsoft.com/office/drawing/2014/main" val="1661306094"/>
                    </a:ext>
                  </a:extLst>
                </a:gridCol>
                <a:gridCol w="1402416">
                  <a:extLst>
                    <a:ext uri="{9D8B030D-6E8A-4147-A177-3AD203B41FA5}">
                      <a16:colId xmlns:a16="http://schemas.microsoft.com/office/drawing/2014/main" val="1315403849"/>
                    </a:ext>
                  </a:extLst>
                </a:gridCol>
                <a:gridCol w="1653870">
                  <a:extLst>
                    <a:ext uri="{9D8B030D-6E8A-4147-A177-3AD203B41FA5}">
                      <a16:colId xmlns:a16="http://schemas.microsoft.com/office/drawing/2014/main" val="1396287236"/>
                    </a:ext>
                  </a:extLst>
                </a:gridCol>
              </a:tblGrid>
              <a:tr h="452690"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PRODU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OT 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100" b="1" u="none" strike="noStrike" noProof="0">
                          <a:solidFill>
                            <a:schemeClr val="bg1"/>
                          </a:solidFill>
                        </a:rPr>
                        <a:t>DISTRIBUTION CHANNELS</a:t>
                      </a:r>
                      <a:endParaRPr lang="sv-SE" sz="120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100" b="1" u="none" strike="noStrike">
                          <a:solidFill>
                            <a:schemeClr val="bg1"/>
                          </a:solidFill>
                          <a:effectLst/>
                        </a:rPr>
                        <a:t>CHANGES SINCE LAST REVISION (2020)</a:t>
                      </a:r>
                    </a:p>
                    <a:p>
                      <a:pPr lvl="0" algn="l">
                        <a:buNone/>
                      </a:pPr>
                      <a:endParaRPr lang="en-US" sz="1100" b="1" i="0" u="none" strike="noStrike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AME and DATE OF REVIE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86234528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Apprais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Apprais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lang="en-GB" sz="1000" i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lvl="0">
                        <a:buNone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902603556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Auditors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Audito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lvl="0">
                        <a:buNone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55688922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 Book keep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Book keep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lvl="0">
                        <a:buNone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021774941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Lawy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Lawy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lvl="0">
                        <a:buNone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6445519"/>
                  </a:ext>
                </a:extLst>
              </a:tr>
              <a:tr h="619294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IC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IT 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Customer Center, Remote, Large, Broker, Partners. 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1000" i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 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2024</a:t>
                      </a:r>
                      <a:endParaRPr lang="en-GB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58866623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Brokers and Financial Instituti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Brokers and Financial Instituti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87669181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Debt Collecting Agenc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Debt Collecting Agenc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468956149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Real Estate Brok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Real Estate Brok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494068596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Insurance Intermediar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Insurance Intermediar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793342179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Banking Activit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Banking Activit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22642889"/>
                  </a:ext>
                </a:extLst>
              </a:tr>
              <a:tr h="484665">
                <a:tc>
                  <a:txBody>
                    <a:bodyPr/>
                    <a:lstStyle/>
                    <a:p>
                      <a:r>
                        <a:rPr lang="en-GB" sz="1000"/>
                        <a:t>Professional Indemnity Legal Assistant (</a:t>
                      </a:r>
                      <a:r>
                        <a:rPr lang="en-GB" sz="1000" err="1"/>
                        <a:t>Rettshjelper</a:t>
                      </a:r>
                      <a:r>
                        <a:rPr lang="en-GB" sz="1000"/>
                        <a:t>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Legal Assistant (</a:t>
                      </a:r>
                      <a:r>
                        <a:rPr lang="en-GB" sz="1000" err="1"/>
                        <a:t>Rettshjelper</a:t>
                      </a:r>
                      <a:r>
                        <a:rPr lang="en-GB" sz="1000"/>
                        <a:t>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  <a:endParaRPr kumimoji="0" lang="en-GB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000"/>
                        <a:t>Sanne Kleven, 29. April</a:t>
                      </a:r>
                      <a:r>
                        <a:rPr lang="en-GB" sz="1000" b="0" u="none" strike="noStrike" noProof="0">
                          <a:solidFill>
                            <a:srgbClr val="331E11"/>
                          </a:solidFill>
                        </a:rPr>
                        <a:t> 2024</a:t>
                      </a:r>
                      <a:endParaRPr lang="en-GB" sz="100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0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214059475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70872509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F9B32D-30C7-F9E8-B954-74CB998E735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>
                <a:latin typeface="If Sans Thin"/>
              </a:rPr>
              <a:t>Property</a:t>
            </a:r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77F4C09-C575-2F48-4635-0C290897F3D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57CEA0D-7FE8-F597-AA38-CC0C4D6F848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vert="horz" lIns="0" tIns="0" rIns="0" bIns="0" rtlCol="0" anchor="t">
            <a:noAutofit/>
          </a:bodyPr>
          <a:lstStyle/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30632385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157D7CB1-754B-43B5-B7F6-8A97E23537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0000" y="320238"/>
            <a:ext cx="11328000" cy="936000"/>
          </a:xfrm>
        </p:spPr>
        <p:txBody>
          <a:bodyPr/>
          <a:lstStyle/>
          <a:p>
            <a:r>
              <a:rPr lang="en-GB" sz="2000"/>
              <a:t>POG TARGET MARKETS COMMERCIAL – </a:t>
            </a:r>
            <a:r>
              <a:rPr lang="en-GB" sz="2000" b="1"/>
              <a:t>PROPERTY NORWAY</a:t>
            </a:r>
            <a:endParaRPr lang="en-US" b="1"/>
          </a:p>
        </p:txBody>
      </p:sp>
      <p:graphicFrame>
        <p:nvGraphicFramePr>
          <p:cNvPr id="2" name="Table 2">
            <a:extLst>
              <a:ext uri="{FF2B5EF4-FFF2-40B4-BE49-F238E27FC236}">
                <a16:creationId xmlns:a16="http://schemas.microsoft.com/office/drawing/2014/main" id="{618363D7-5EDB-44C7-80E0-84CF75A84D2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35156296"/>
              </p:ext>
            </p:extLst>
          </p:nvPr>
        </p:nvGraphicFramePr>
        <p:xfrm>
          <a:off x="169258" y="908380"/>
          <a:ext cx="11243562" cy="4962525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1873927">
                  <a:extLst>
                    <a:ext uri="{9D8B030D-6E8A-4147-A177-3AD203B41FA5}">
                      <a16:colId xmlns:a16="http://schemas.microsoft.com/office/drawing/2014/main" val="3210046240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3964206995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97584591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661306094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15403849"/>
                    </a:ext>
                  </a:extLst>
                </a:gridCol>
                <a:gridCol w="1873927">
                  <a:extLst>
                    <a:ext uri="{9D8B030D-6E8A-4147-A177-3AD203B41FA5}">
                      <a16:colId xmlns:a16="http://schemas.microsoft.com/office/drawing/2014/main" val="139628723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PRODUC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OT TARGET MARK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100" b="1" u="none" strike="noStrike" noProof="0">
                          <a:solidFill>
                            <a:schemeClr val="bg1"/>
                          </a:solidFill>
                        </a:rPr>
                        <a:t>DISTRIBUTION CHANNELS</a:t>
                      </a:r>
                      <a:endParaRPr lang="sv-SE" sz="120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100" b="1" u="none" strike="noStrike">
                          <a:solidFill>
                            <a:schemeClr val="bg1"/>
                          </a:solidFill>
                          <a:effectLst/>
                        </a:rPr>
                        <a:t>CHANGES SINCE LAST REVISION (2020)</a:t>
                      </a:r>
                    </a:p>
                    <a:p>
                      <a:pPr lvl="0" algn="l">
                        <a:buNone/>
                      </a:pPr>
                      <a:endParaRPr lang="en-US" sz="1100" b="1" i="0" u="none" strike="noStrike">
                        <a:solidFill>
                          <a:schemeClr val="bg1"/>
                        </a:solidFill>
                        <a:effectLst/>
                        <a:latin typeface="+mj-lt"/>
                      </a:endParaRPr>
                    </a:p>
                  </a:txBody>
                  <a:tcPr marL="9525" marR="9525" marT="9525" marB="0"/>
                </a:tc>
                <a:tc>
                  <a:txBody>
                    <a:bodyPr/>
                    <a:lstStyle/>
                    <a:p>
                      <a:r>
                        <a:rPr lang="sv-SE" sz="1200">
                          <a:solidFill>
                            <a:schemeClr val="bg1"/>
                          </a:solidFill>
                        </a:rPr>
                        <a:t>NAME and DATE OF REVIE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862345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Building &amp; Cont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 b="0" kern="1200" dirty="0">
                          <a:solidFill>
                            <a:schemeClr val="dk1"/>
                          </a:solidFill>
                          <a:effectLst/>
                        </a:rPr>
                        <a:t>Companies owning buildings     and/or content</a:t>
                      </a:r>
                      <a:r>
                        <a:rPr lang="en-GB" sz="1800" b="0" kern="1200" dirty="0">
                          <a:solidFill>
                            <a:schemeClr val="dk1"/>
                          </a:solidFill>
                          <a:effectLst/>
                        </a:rPr>
                        <a:t>​</a:t>
                      </a:r>
                      <a:endParaRPr lang="en-GB" sz="1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ustomer </a:t>
                      </a:r>
                      <a:r>
                        <a:rPr lang="en-GB" sz="1000" err="1"/>
                        <a:t>Center</a:t>
                      </a:r>
                      <a:r>
                        <a:rPr lang="en-GB" sz="1000"/>
                        <a:t>, Remote, Large, Broker, Partners. Content is </a:t>
                      </a: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“Sustainable building” is a new coverage which can give an extra 3MNOK for sustainable measures after a large damage to commercial building. “Building check” which is an offer to residential buildings to get their building checked by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nticimex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GB" sz="1000"/>
                        <a:t>Marius Austad, 22.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187873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CAR/EA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 b="0" kern="1200" dirty="0">
                          <a:solidFill>
                            <a:schemeClr val="dk1"/>
                          </a:solidFill>
                          <a:effectLst/>
                        </a:rPr>
                        <a:t>Building proprietors and construction entrepreneurs </a:t>
                      </a:r>
                    </a:p>
                    <a:p>
                      <a:r>
                        <a:rPr lang="en-GB" sz="1000" b="0" kern="1200" dirty="0">
                          <a:solidFill>
                            <a:schemeClr val="dk1"/>
                          </a:solidFill>
                          <a:effectLst/>
                        </a:rPr>
                        <a:t>responsible for ”CAR/EAR”​</a:t>
                      </a:r>
                      <a:endParaRPr lang="en-GB" sz="10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Customers not responsible for ”CAR/EAR”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lvl="0">
                        <a:buNone/>
                      </a:pPr>
                      <a:r>
                        <a:rPr lang="en-US" sz="1000"/>
                        <a:t>Customer Center, Remote, Large, Broker, Partners. </a:t>
                      </a: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lang="en-US" sz="1000"/>
                    </a:p>
                    <a:p>
                      <a:pPr lvl="0">
                        <a:buNone/>
                      </a:pP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Marius Austad, 22.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32253485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Business interrupti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ompani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Private perso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. </a:t>
                      </a: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lanned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in </a:t>
                      </a:r>
                      <a:r>
                        <a:rPr kumimoji="0" lang="en-GB" sz="1000" b="0" i="0" u="none" strike="noStrike" kern="1200" cap="none" spc="0" normalizeH="0" baseline="0" noProof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Webshop</a:t>
                      </a: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2024</a:t>
                      </a:r>
                      <a:endParaRPr kumimoji="0" lang="en-US" sz="1000" b="0" i="0" u="none" strike="noStrike" kern="1200" cap="none" spc="0" normalizeH="0" baseline="0" noProof="0">
                        <a:ln>
                          <a:noFill/>
                        </a:ln>
                        <a:solidFill>
                          <a:srgbClr val="331E11"/>
                        </a:solidFill>
                        <a:effectLst/>
                        <a:uLnTx/>
                        <a:uFillTx/>
                        <a:latin typeface="If Sans Ligh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Marius Austad, 22.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202107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Wind turbin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Owners of wind turbin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ustomers not owning wind turbin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Marius Austad, 22.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9093392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Private Buildings and Cont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Homeowners and companies </a:t>
                      </a:r>
                    </a:p>
                    <a:p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owning villa or cabins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 b="0" kern="1200">
                          <a:solidFill>
                            <a:schemeClr val="dk1"/>
                          </a:solidFill>
                          <a:effectLst/>
                        </a:rPr>
                        <a:t>Homeowners and business owners not owning villa or cabin</a:t>
                      </a:r>
                      <a:endParaRPr lang="en-GB" sz="10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Marius Austad, 22.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588666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Fores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Forest own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ustomers not owning fores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Marius Austad, 22.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2903941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000"/>
                        <a:t>Animal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ustomers owning animals for commercial us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en-GB" sz="1000"/>
                        <a:t>Customers not owning animal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Customer Center, Remote, Large, Broker, Partner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No major chang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331E11"/>
                          </a:solidFill>
                          <a:effectLst/>
                          <a:uLnTx/>
                          <a:uFillTx/>
                          <a:latin typeface="If Sans Light"/>
                          <a:ea typeface="+mn-ea"/>
                          <a:cs typeface="+mn-cs"/>
                        </a:rPr>
                        <a:t>Marius Austad, 22. April 202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55645184"/>
                  </a:ext>
                </a:extLst>
              </a:tr>
            </a:tbl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17C6B69D-F833-30C9-E747-473BE3928696}"/>
              </a:ext>
            </a:extLst>
          </p:cNvPr>
          <p:cNvSpPr txBox="1"/>
          <p:nvPr/>
        </p:nvSpPr>
        <p:spPr>
          <a:xfrm>
            <a:off x="330000" y="6414651"/>
            <a:ext cx="9279946" cy="246221"/>
          </a:xfrm>
          <a:prstGeom prst="rect">
            <a:avLst/>
          </a:prstGeom>
          <a:noFill/>
          <a:ln>
            <a:solidFill>
              <a:schemeClr val="accent1">
                <a:lumMod val="50000"/>
              </a:schemeClr>
            </a:solidFill>
          </a:ln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 If Distribution channels: Customer Center, Remote, Large, Broker, Mobility, Partners, Tied Agents, </a:t>
            </a:r>
            <a:r>
              <a:rPr kumimoji="0" lang="en-US" sz="1600" b="0" i="1" u="none" strike="noStrike" kern="1200" cap="none" spc="0" normalizeH="0" baseline="0" noProof="0" err="1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Webshop</a:t>
            </a:r>
            <a:r>
              <a:rPr kumimoji="0" lang="en-US" sz="1600" b="0" i="1" u="none" strike="noStrike" kern="1200" cap="none" spc="0" normalizeH="0" baseline="0" noProof="0">
                <a:ln>
                  <a:noFill/>
                </a:ln>
                <a:solidFill>
                  <a:srgbClr val="331E11"/>
                </a:solidFill>
                <a:effectLst/>
                <a:uLnTx/>
                <a:uFillTx/>
                <a:latin typeface="If Sans Light"/>
                <a:ea typeface="+mn-ea"/>
                <a:cs typeface="+mn-cs"/>
              </a:rPr>
              <a:t> 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942818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F9B32D-30C7-F9E8-B954-74CB998E735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 err="1">
                <a:latin typeface="If Sans Thin"/>
              </a:rPr>
              <a:t>Vehicle</a:t>
            </a:r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77F4C09-C575-2F48-4635-0C290897F3D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57CEA0D-7FE8-F597-AA38-CC0C4D6F848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vert="horz" lIns="0" tIns="0" rIns="0" bIns="0" rtlCol="0" anchor="t">
            <a:noAutofit/>
          </a:bodyPr>
          <a:lstStyle/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859932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0270770072543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0270770072543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02707700725431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027077007254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0270770072543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0270770072543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02707700725431"/>
</p:tagLst>
</file>

<file path=ppt/theme/theme1.xml><?xml version="1.0" encoding="utf-8"?>
<a:theme xmlns:a="http://schemas.openxmlformats.org/drawingml/2006/main" name="Blank">
  <a:themeElements>
    <a:clrScheme name="IF 2019">
      <a:dk1>
        <a:srgbClr val="331E11"/>
      </a:dk1>
      <a:lt1>
        <a:srgbClr val="FFFFFF"/>
      </a:lt1>
      <a:dk2>
        <a:srgbClr val="0054F0"/>
      </a:dk2>
      <a:lt2>
        <a:srgbClr val="E8E0D9"/>
      </a:lt2>
      <a:accent1>
        <a:srgbClr val="87C7BA"/>
      </a:accent1>
      <a:accent2>
        <a:srgbClr val="FCC74F"/>
      </a:accent2>
      <a:accent3>
        <a:srgbClr val="FF8569"/>
      </a:accent3>
      <a:accent4>
        <a:srgbClr val="4CB0D3"/>
      </a:accent4>
      <a:accent5>
        <a:srgbClr val="6B9994"/>
      </a:accent5>
      <a:accent6>
        <a:srgbClr val="B08759"/>
      </a:accent6>
      <a:hlink>
        <a:srgbClr val="331E11"/>
      </a:hlink>
      <a:folHlink>
        <a:srgbClr val="6E625E"/>
      </a:folHlink>
    </a:clrScheme>
    <a:fontScheme name="IF 2019">
      <a:majorFont>
        <a:latin typeface="If Sans Light"/>
        <a:ea typeface=""/>
        <a:cs typeface=""/>
      </a:majorFont>
      <a:minorFont>
        <a:latin typeface="If Sans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E8E0D9"/>
        </a:solidFill>
        <a:ln>
          <a:noFill/>
        </a:ln>
      </a:spPr>
      <a:bodyPr lIns="72000" tIns="36000" rIns="72000" bIns="36000" rtlCol="0" anchor="ctr"/>
      <a:lstStyle>
        <a:defPPr algn="ctr">
          <a:defRPr sz="2000" noProof="0" dirty="0" err="1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BL 1. If Blue">
      <a:srgbClr val="0054F0"/>
    </a:custClr>
    <a:custClr name="BE 1.">
      <a:srgbClr val="E8E0D9"/>
    </a:custClr>
    <a:custClr name="BR 1.">
      <a:srgbClr val="331E11"/>
    </a:custClr>
    <a:custClr name="CR 1.">
      <a:srgbClr val="805C5C"/>
    </a:custClr>
    <a:custClr name="CY 1.">
      <a:srgbClr val="B08759"/>
    </a:custClr>
    <a:custClr name="CG 1.">
      <a:srgbClr val="6B9994"/>
    </a:custClr>
    <a:custClr name="CB 1 .">
      <a:srgbClr val="5392B2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1.">
      <a:srgbClr val="EDE6E1"/>
    </a:custClr>
    <a:custClr name="LB 1.">
      <a:srgbClr val="6E625E"/>
    </a:custClr>
    <a:custClr name="CR 2.">
      <a:srgbClr val="FF8569"/>
    </a:custClr>
    <a:custClr name="CY 2.">
      <a:srgbClr val="FCC74F"/>
    </a:custClr>
    <a:custClr name="CG 2.">
      <a:srgbClr val="87C7BA"/>
    </a:custClr>
    <a:custClr name="CB 2.">
      <a:srgbClr val="4CB0D3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 3.">
      <a:srgbClr val="F1ECE8"/>
    </a:custClr>
    <a:custClr>
      <a:srgbClr val="FFFFFF"/>
    </a:custClr>
    <a:custClr name="CR 3.">
      <a:srgbClr val="FFC9A6"/>
    </a:custClr>
    <a:custClr name="CY 3.">
      <a:srgbClr val="FFE082"/>
    </a:custClr>
    <a:custClr name="CG 3.">
      <a:srgbClr val="B5EDE8"/>
    </a:custClr>
    <a:custClr name="CB 3.">
      <a:srgbClr val="97E2F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 4.">
      <a:srgbClr val="F6F3F0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 5. ">
      <a:srgbClr val="FAF9F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Blank.potx" id="{C7A9E997-B539-4468-87AD-C67166513B74}" vid="{6D163072-F8B5-4B7C-A1B1-DF7DCFB002B0}"/>
    </a:ext>
  </a:extLst>
</a:theme>
</file>

<file path=ppt/theme/theme2.xml><?xml version="1.0" encoding="utf-8"?>
<a:theme xmlns:a="http://schemas.openxmlformats.org/drawingml/2006/main" name="Office-tema">
  <a:themeElements>
    <a:clrScheme name="IF 2019">
      <a:dk1>
        <a:srgbClr val="331E11"/>
      </a:dk1>
      <a:lt1>
        <a:srgbClr val="FFFFFF"/>
      </a:lt1>
      <a:dk2>
        <a:srgbClr val="0054F0"/>
      </a:dk2>
      <a:lt2>
        <a:srgbClr val="E8E0D9"/>
      </a:lt2>
      <a:accent1>
        <a:srgbClr val="87C7BA"/>
      </a:accent1>
      <a:accent2>
        <a:srgbClr val="FCC74F"/>
      </a:accent2>
      <a:accent3>
        <a:srgbClr val="FF8569"/>
      </a:accent3>
      <a:accent4>
        <a:srgbClr val="4CB0D3"/>
      </a:accent4>
      <a:accent5>
        <a:srgbClr val="6B9994"/>
      </a:accent5>
      <a:accent6>
        <a:srgbClr val="B08759"/>
      </a:accent6>
      <a:hlink>
        <a:srgbClr val="331E11"/>
      </a:hlink>
      <a:folHlink>
        <a:srgbClr val="6E625E"/>
      </a:folHlink>
    </a:clrScheme>
    <a:fontScheme name="IF 2019">
      <a:majorFont>
        <a:latin typeface="If Sans Light"/>
        <a:ea typeface=""/>
        <a:cs typeface=""/>
      </a:majorFont>
      <a:minorFont>
        <a:latin typeface="If Sans Light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 1. If Blue">
      <a:srgbClr val="0054F0"/>
    </a:custClr>
    <a:custClr name="BE 1.">
      <a:srgbClr val="E8E0D9"/>
    </a:custClr>
    <a:custClr name="BR 1.">
      <a:srgbClr val="331E11"/>
    </a:custClr>
    <a:custClr name="CR 1.">
      <a:srgbClr val="805C5C"/>
    </a:custClr>
    <a:custClr name="CY 1.">
      <a:srgbClr val="B08759"/>
    </a:custClr>
    <a:custClr name="CG 1.">
      <a:srgbClr val="6B9994"/>
    </a:custClr>
    <a:custClr name="CB 1 .">
      <a:srgbClr val="5392B2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1.">
      <a:srgbClr val="EDE6E1"/>
    </a:custClr>
    <a:custClr name="LB 1.">
      <a:srgbClr val="6E625E"/>
    </a:custClr>
    <a:custClr name="CR 2.">
      <a:srgbClr val="FF8569"/>
    </a:custClr>
    <a:custClr name="CY 2.">
      <a:srgbClr val="FCC74F"/>
    </a:custClr>
    <a:custClr name="CG 2.">
      <a:srgbClr val="87C7BA"/>
    </a:custClr>
    <a:custClr name="CB 2.">
      <a:srgbClr val="4CB0D3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 3.">
      <a:srgbClr val="F1ECE8"/>
    </a:custClr>
    <a:custClr>
      <a:srgbClr val="FFFFFF"/>
    </a:custClr>
    <a:custClr name="CR 3.">
      <a:srgbClr val="FFC9A6"/>
    </a:custClr>
    <a:custClr name="CY 3.">
      <a:srgbClr val="FFE082"/>
    </a:custClr>
    <a:custClr name="CG 3.">
      <a:srgbClr val="B5EDE8"/>
    </a:custClr>
    <a:custClr name="CB 3.">
      <a:srgbClr val="97E2F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 4.">
      <a:srgbClr val="F6F3F0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 5. ">
      <a:srgbClr val="FAF9F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 1. If Blue">
      <a:srgbClr val="0054F0"/>
    </a:custClr>
    <a:custClr name="BE 1.">
      <a:srgbClr val="E8E0D9"/>
    </a:custClr>
    <a:custClr name="BR 1.">
      <a:srgbClr val="331E11"/>
    </a:custClr>
    <a:custClr name="CR 1.">
      <a:srgbClr val="805C5C"/>
    </a:custClr>
    <a:custClr name="CY 1.">
      <a:srgbClr val="B08759"/>
    </a:custClr>
    <a:custClr name="CG 1.">
      <a:srgbClr val="6B9994"/>
    </a:custClr>
    <a:custClr name="CB 1 .">
      <a:srgbClr val="5392B2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1.">
      <a:srgbClr val="EDE6E1"/>
    </a:custClr>
    <a:custClr name="LB 1.">
      <a:srgbClr val="6E625E"/>
    </a:custClr>
    <a:custClr name="CR 2.">
      <a:srgbClr val="FF8569"/>
    </a:custClr>
    <a:custClr name="CY 2.">
      <a:srgbClr val="FCC74F"/>
    </a:custClr>
    <a:custClr name="CG 2.">
      <a:srgbClr val="87C7BA"/>
    </a:custClr>
    <a:custClr name="CB 2.">
      <a:srgbClr val="4CB0D3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 3.">
      <a:srgbClr val="F1ECE8"/>
    </a:custClr>
    <a:custClr>
      <a:srgbClr val="FFFFFF"/>
    </a:custClr>
    <a:custClr name="CR 3.">
      <a:srgbClr val="FFC9A6"/>
    </a:custClr>
    <a:custClr name="CY 3.">
      <a:srgbClr val="FFE082"/>
    </a:custClr>
    <a:custClr name="CG 3.">
      <a:srgbClr val="B5EDE8"/>
    </a:custClr>
    <a:custClr name="CB 3.">
      <a:srgbClr val="97E2F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 4.">
      <a:srgbClr val="F6F3F0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E 5. ">
      <a:srgbClr val="FAF9F7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pStyles><![CDATA[{
	"Styles": [
		{
			"Base64Png": "data:image/png;base64,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",
			"Name": "Presentation Title 54",
			"Paragraph": {
				"Font": {
					"Name": "If Sans Light",
					"Size": 54.0,
					"Bold": false,
					"Italic": false,
					"Underline": false,
					"Color": "Black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",
			"Name": "Title 32",
			"Paragraph": {
				"Font": {
					"Name": "If Sans Light",
					"Size": 32.0,
					"Bold": false,
					"Italic": false,
					"Underline": false,
					"Color": "Black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",
			"Name": "Header 20 ",
			"Paragraph": {
				"Font": {
					"Name": "If Sans Medium",
					"Size": 20.0,
					"Bold": false,
					"Italic": false,
					"Underline": false,
					"Color": "Black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",
			"Name": "Body 20",
			"Paragraph": {
				"Font": {
					"Name": "If Sans Light",
					"Size": 20.0,
					"Bold": false,
					"Italic": false,
					"Underline": false,
					"Color": "Black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",
			"Name": "Header Highlight 20",
			"Paragraph": {
				"Font": {
					"Name": "If Sans Medium",
					"Size": 20.0,
					"Bold": false,
					"Italic": false,
					"Underline": false,
					"Color": "0, 84, 240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",
			"Name": "Body Highlight 20",
			"Paragraph": {
				"Font": {
					"Name": "If Sans Light",
					"Size": 20.0,
					"Bold": false,
					"Italic": false,
					"Underline": false,
					"Color": "0, 84, 240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",
			"Name": "Bullet A",
			"Paragraph": {
				"Font": {
					"Name": "If Sans Light",
					"Size": 20.0,
					"Bold": false,
					"Italic": false,
					"Underline": false,
					"Color": "Black",
					"SmallCaps": false,
					"AllCaps": false
				},
				"Alignment": 0,
				"IndentBefore": 27.0,
				"FirstLineIndent": -27.0
			},
			"List": {
				"Visible": true,
				"BulletType": 1,
				"StartValue": 1,
				"IndentLevel": 1,
				"Character": 8226,
				"CharacterFont": "Arial"
			}
		},
		{
			"Base64Png": "data:image/png;base64,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",
			"Name": "Bullet B",
			"Paragraph": {
				"Font": {
					"Name": "If Sans Light",
					"Size": 20.0,
					"Bold": false,
					"Italic": false,
					"Underline": false,
					"Color": "Black",
					"SmallCaps": false,
					"AllCaps": false
				},
				"Alignment": 0,
				"IndentBefore": 63.0,
				"FirstLineIndent": -27.0
			},
			"List": {
				"Visible": true,
				"BulletType": 1,
				"StartValue": 1,
				"IndentLevel": 2,
				"Character": 8226,
				"CharacterFont": "Arial"
			}
		},
		{
			"Base64Png": "data:image/png;base64,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",
			"Name": "Bullet C",
			"Paragraph": {
				"Font": {
					"Name": "If Sans Light",
					"Size": 20.0,
					"Bold": false,
					"Italic": false,
					"Underline": false,
					"Color": "Black",
					"SmallCaps": false,
					"AllCaps": false
				},
				"Alignment": 0,
				"IndentBefore": 99.0,
				"FirstLineIndent": -27.0
			},
			"List": {
				"Visible": true,
				"BulletType": 1,
				"StartValue": 1,
				"IndentLevel": 3,
				"Character": 8226,
				"CharacterFont": "Arial"
			}
		},
		{
			"Base64Png": "data:image/png;base64,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",
			"Name": "Number",
			"Paragraph": {
				"Font": {
					"Name": "If Sans Light",
					"Size": 20.0,
					"Bold": false,
					"Italic": false,
					"Underline": false,
					"Color": "Black",
					"SmallCaps": false,
					"AllCaps": false
				},
				"Alignment": 0,
				"IndentBefore": 36.0,
				"FirstLineIndent": -36.0
			},
			"List": {
				"Visible": true,
				"BulletType": 0,
				"StartValue": 1,
				"IndentLevel": 1,
				"Character": 8226,
				"CharacterFont": "+mj-lt"
			}
		},
		{
			"Base64Png": "data:image/png;base64,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",
			"Name": "Letter",
			"Paragraph": {
				"Font": {
					"Name": "If Sans Light",
					"Size": 20.0,
					"Bold": false,
					"Italic": false,
					"Underline": false,
					"Color": "Black",
					"SmallCaps": false,
					"AllCaps": false
				},
				"Alignment": 0,
				"IndentBefore": 36.0,
				"FirstLineIndent": -36.0
			},
			"List": {
				"Visible": true,
				"BulletType": 0,
				"StartValue": 1,
				"IndentLevel": 1,
				"Character": 8226,
				"CharacterFont": "+mj-lt"
			}
		},
		{
			"Base64Png": "data:image/png;base64,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",
			"Name": "Notes Header 14",
			"Paragraph": {
				"Font": {
					"Name": "If Sans Medium",
					"Size": 14.0,
					"Bold": false,
					"Italic": false,
					"Underline": false,
					"Color": "Black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",
			"Name": "Notes 14",
			"Paragraph": {
				"Font": {
					"Name": "If Sans Light",
					"Size": 14.0,
					"Bold": false,
					"Italic": false,
					"Underline": false,
					"Color": "Black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",
			"Name": "Notes Header Highlight 14",
			"Paragraph": {
				"Font": {
					"Name": "If Sans Medium",
					"Size": 14.0,
					"Bold": false,
					"Italic": false,
					"Underline": false,
					"Color": "0, 84, 240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",
			"Name": "Notes Highlight 14",
			"Paragraph": {
				"Font": {
					"Name": "If Sans Light",
					"Size": 14.0,
					"Bold": false,
					"Italic": false,
					"Underline": false,
					"Color": "0, 84, 240",
					"SmallCaps": false,
					"AllCaps": false
				},
				"Alignment": 0,
				"IndentBefore": 0.0,
				"FirstLineIndent": 0.0
			},
			"List": {
				"Visible": false,
				"BulletType": 4,
				"StartValue": 1,
				"IndentLevel": 1,
				"Character": 8226,
				"CharacterFont": ""
			}
		},
		{
			"Base64Png": "data:image/png;base64,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",
			"Name": "Notes Bullet ",
			"Paragraph": {
				"Font": {
					"Name": "If Sans Light",
					"Size": 14.0,
					"Bold": false,
					"Italic": false,
					"Underline": false,
					"Color": "Black",
					"SmallCaps": false,
					"AllCaps": false
				},
				"Alignment": 0,
				"IndentBefore": 22.5,
				"FirstLineIndent": -22.5
			},
			"List": {
				"Visible": true,
				"BulletType": 1,
				"StartValue": 1,
				"IndentLevel": 1,
				"Character": 8226,
				"CharacterFont": "Arial"
			}
		},
		{
			"Base64Png": "data:image/png;base64,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",
			"Name": "Notes Number",
			"Paragraph": {
				"Font": {
					"Name": "If Sans Light",
					"Size": 14.0,
					"Bold": false,
					"Italic": false,
					"Underline": false,
					"Color": "Black",
					"SmallCaps": false,
					"AllCaps": false
				},
				"Alignment": 0,
				"IndentBefore": 27.0,
				"FirstLineIndent": -27.0
			},
			"List": {
				"Visible": true,
				"BulletType": 0,
				"StartValue": 1,
				"IndentLevel": 1,
				"Character": 8226,
				"CharacterFont": "+mj-lt"
			}
		}
	]
}]]></PpStyl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c9d7a4a3-fdcf-465a-8574-cd0e2a7dd293">
      <UserInfo>
        <DisplayName>Jönsson, Henrik</DisplayName>
        <AccountId>7</AccountId>
        <AccountType/>
      </UserInfo>
      <UserInfo>
        <DisplayName>Aasen, Christine</DisplayName>
        <AccountId>22</AccountId>
        <AccountType/>
      </UserInfo>
      <UserInfo>
        <DisplayName>Varpe, Anssi</DisplayName>
        <AccountId>140</AccountId>
        <AccountType/>
      </UserInfo>
      <UserInfo>
        <DisplayName>Nielsen, Pernille</DisplayName>
        <AccountId>141</AccountId>
        <AccountType/>
      </UserInfo>
      <UserInfo>
        <DisplayName>Ström Olsson, Kristina</DisplayName>
        <AccountId>142</AccountId>
        <AccountType/>
      </UserInfo>
      <UserInfo>
        <DisplayName>Kantoluoto, Jarkko</DisplayName>
        <AccountId>143</AccountId>
        <AccountType/>
      </UserInfo>
      <UserInfo>
        <DisplayName>Dørstad, Mads</DisplayName>
        <AccountId>144</AccountId>
        <AccountType/>
      </UserInfo>
      <UserInfo>
        <DisplayName>Aschan, Sara</DisplayName>
        <AccountId>145</AccountId>
        <AccountType/>
      </UserInfo>
      <UserInfo>
        <DisplayName>Kiihamäki, Tuomas</DisplayName>
        <AccountId>146</AccountId>
        <AccountType/>
      </UserInfo>
      <UserInfo>
        <DisplayName>Halen, Taija</DisplayName>
        <AccountId>147</AccountId>
        <AccountType/>
      </UserInfo>
      <UserInfo>
        <DisplayName>Batyuk, Pavlo</DisplayName>
        <AccountId>148</AccountId>
        <AccountType/>
      </UserInfo>
      <UserInfo>
        <DisplayName>Hedlund Mahimkar, Mihir</DisplayName>
        <AccountId>149</AccountId>
        <AccountType/>
      </UserInfo>
      <UserInfo>
        <DisplayName>Gangstad, Jonny</DisplayName>
        <AccountId>150</AccountId>
        <AccountType/>
      </UserInfo>
      <UserInfo>
        <DisplayName>Austad, Marius</DisplayName>
        <AccountId>126</AccountId>
        <AccountType/>
      </UserInfo>
      <UserInfo>
        <DisplayName>Berglund, Sara</DisplayName>
        <AccountId>104</AccountId>
        <AccountType/>
      </UserInfo>
      <UserInfo>
        <DisplayName>Øien, Håkon Sirnes</DisplayName>
        <AccountId>125</AccountId>
        <AccountType/>
      </UserInfo>
      <UserInfo>
        <DisplayName>Larsby, Rasmus</DisplayName>
        <AccountId>40</AccountId>
        <AccountType/>
      </UserInfo>
      <UserInfo>
        <DisplayName>Lund, Aske</DisplayName>
        <AccountId>111</AccountId>
        <AccountType/>
      </UserInfo>
      <UserInfo>
        <DisplayName>Kleven, Sanne Helene</DisplayName>
        <AccountId>102</AccountId>
        <AccountType/>
      </UserInfo>
      <UserInfo>
        <DisplayName>Jakonen, Joni</DisplayName>
        <AccountId>38</AccountId>
        <AccountType/>
      </UserInfo>
      <UserInfo>
        <DisplayName>Aas, Svein Arne</DisplayName>
        <AccountId>78</AccountId>
        <AccountType/>
      </UserInfo>
      <UserInfo>
        <DisplayName>Svensson, Rickard</DisplayName>
        <AccountId>139</AccountId>
        <AccountType/>
      </UserInfo>
      <UserInfo>
        <DisplayName>Tønjum, Anders</DisplayName>
        <AccountId>152</AccountId>
        <AccountType/>
      </UserInfo>
      <UserInfo>
        <DisplayName>Paananen, Matti</DisplayName>
        <AccountId>151</AccountId>
        <AccountType/>
      </UserInfo>
      <UserInfo>
        <DisplayName>Khedri, Esmat</DisplayName>
        <AccountId>154</AccountId>
        <AccountType/>
      </UserInfo>
    </SharedWithUsers>
  </documentManagement>
</p:propertie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39A349D736F744480D41D9E459A2DBE" ma:contentTypeVersion="12" ma:contentTypeDescription="Create a new document." ma:contentTypeScope="" ma:versionID="1b96f2aef34f069fca05935fd7a7ee6c">
  <xsd:schema xmlns:xsd="http://www.w3.org/2001/XMLSchema" xmlns:xs="http://www.w3.org/2001/XMLSchema" xmlns:p="http://schemas.microsoft.com/office/2006/metadata/properties" xmlns:ns2="8c7019fc-c4bb-4bb2-9013-828ca1a0fd61" xmlns:ns3="c9d7a4a3-fdcf-465a-8574-cd0e2a7dd293" targetNamespace="http://schemas.microsoft.com/office/2006/metadata/properties" ma:root="true" ma:fieldsID="9ce8850a25aed1f3b92b722132dd95bf" ns2:_="" ns3:_="">
    <xsd:import namespace="8c7019fc-c4bb-4bb2-9013-828ca1a0fd61"/>
    <xsd:import namespace="c9d7a4a3-fdcf-465a-8574-cd0e2a7dd29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7019fc-c4bb-4bb2-9013-828ca1a0fd6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bjectDetectorVersions" ma:index="18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9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9d7a4a3-fdcf-465a-8574-cd0e2a7dd293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AEA734C-100C-4D38-BDCF-7D69E7829CB5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E61BD02-8C2C-47B2-95B2-0E23D26A39FF}">
  <ds:schemaRefs/>
</ds:datastoreItem>
</file>

<file path=customXml/itemProps3.xml><?xml version="1.0" encoding="utf-8"?>
<ds:datastoreItem xmlns:ds="http://schemas.openxmlformats.org/officeDocument/2006/customXml" ds:itemID="{A51F47B4-FC65-4514-B771-D8E5E23AA9A9}">
  <ds:schemaRefs>
    <ds:schemaRef ds:uri="http://purl.org/dc/elements/1.1/"/>
    <ds:schemaRef ds:uri="c9d7a4a3-fdcf-465a-8574-cd0e2a7dd293"/>
    <ds:schemaRef ds:uri="http://schemas.microsoft.com/office/2006/documentManagement/types"/>
    <ds:schemaRef ds:uri="http://schemas.microsoft.com/office/infopath/2007/PartnerControls"/>
    <ds:schemaRef ds:uri="http://purl.org/dc/dcmitype/"/>
    <ds:schemaRef ds:uri="http://schemas.openxmlformats.org/package/2006/metadata/core-properties"/>
    <ds:schemaRef ds:uri="http://schemas.microsoft.com/office/2006/metadata/properties"/>
    <ds:schemaRef ds:uri="http://www.w3.org/XML/1998/namespace"/>
    <ds:schemaRef ds:uri="8c7019fc-c4bb-4bb2-9013-828ca1a0fd61"/>
    <ds:schemaRef ds:uri="http://purl.org/dc/terms/"/>
  </ds:schemaRefs>
</ds:datastoreItem>
</file>

<file path=customXml/itemProps4.xml><?xml version="1.0" encoding="utf-8"?>
<ds:datastoreItem xmlns:ds="http://schemas.openxmlformats.org/officeDocument/2006/customXml" ds:itemID="{B491DFAC-B9F1-46FC-8BEE-1837E1F8267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7019fc-c4bb-4bb2-9013-828ca1a0fd61"/>
    <ds:schemaRef ds:uri="c9d7a4a3-fdcf-465a-8574-cd0e2a7dd29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2537</Words>
  <Application>Microsoft Office PowerPoint</Application>
  <PresentationFormat>Widescreen</PresentationFormat>
  <Paragraphs>434</Paragraphs>
  <Slides>1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3" baseType="lpstr">
      <vt:lpstr>Arial</vt:lpstr>
      <vt:lpstr>If Sans Light</vt:lpstr>
      <vt:lpstr>If Sans</vt:lpstr>
      <vt:lpstr>Open Sans For If</vt:lpstr>
      <vt:lpstr>Calibri</vt:lpstr>
      <vt:lpstr>If Sans Thin</vt:lpstr>
      <vt:lpstr>If Sans Medium</vt:lpstr>
      <vt:lpstr>Blank</vt:lpstr>
      <vt:lpstr>POG Target Markets</vt:lpstr>
      <vt:lpstr>What is POG (Product Oversight and Governance)?</vt:lpstr>
      <vt:lpstr>POG: General changes since last revision + general information</vt:lpstr>
      <vt:lpstr>Liability</vt:lpstr>
      <vt:lpstr>POG TARGET MARKETS COMMERCIAL – LIABILITY NORWAY 1/2</vt:lpstr>
      <vt:lpstr>POG TARGET MARKETS COMMERCIAL – LIABILITY NORWAY 2/2</vt:lpstr>
      <vt:lpstr>Property</vt:lpstr>
      <vt:lpstr>POG TARGET MARKETS COMMERCIAL – PROPERTY NORWAY</vt:lpstr>
      <vt:lpstr>Vehicle</vt:lpstr>
      <vt:lpstr>POG TARGET MARKETS COMMERCIAL – VEHICLE NORWAY</vt:lpstr>
      <vt:lpstr>Person</vt:lpstr>
      <vt:lpstr>POG TARGET MARKETS COMMERCIAL – PERSON NORWAY 1/2</vt:lpstr>
      <vt:lpstr>POG TARGET MARKETS COMMERCIAL – PERSON NORWAY 2/2</vt:lpstr>
      <vt:lpstr>Fish farming</vt:lpstr>
      <vt:lpstr>POG TARGET MARKETS COMMERCIAL – FISH FARMING NORWAY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G TARGET MARKETS COMMERCIAL - LIABILITY</dc:title>
  <dc:creator>Alverstrand, Sofi</dc:creator>
  <cp:lastModifiedBy>Aasen, Christine</cp:lastModifiedBy>
  <cp:revision>1</cp:revision>
  <dcterms:created xsi:type="dcterms:W3CDTF">2020-11-12T06:52:02Z</dcterms:created>
  <dcterms:modified xsi:type="dcterms:W3CDTF">2024-10-30T08:53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19-11-25T09:26:09.5347159Z</vt:lpwstr>
  </property>
  <property fmtid="{D5CDD505-2E9C-101B-9397-08002B2CF9AE}" pid="4" name="PrintEnable">
    <vt:lpwstr>true</vt:lpwstr>
  </property>
  <property fmtid="{D5CDD505-2E9C-101B-9397-08002B2CF9AE}" pid="5" name="ContentTypeId">
    <vt:lpwstr>0x010100A39A349D736F744480D41D9E459A2DBE</vt:lpwstr>
  </property>
</Properties>
</file>